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小倉橋" sheetId="1" r:id="rId1"/>
    <sheet name="昭和橋" sheetId="2" r:id="rId2"/>
    <sheet name="相模大橋" sheetId="3" r:id="rId3"/>
    <sheet name="寒川取水堰（上）" sheetId="4" r:id="rId4"/>
    <sheet name="馬入橋" sheetId="5" r:id="rId5"/>
    <sheet name="道志第１発電所上流" sheetId="6" r:id="rId6"/>
    <sheet name="両国橋" sheetId="7" r:id="rId7"/>
    <sheet name="弁天橋" sheetId="8" r:id="rId8"/>
    <sheet name="河原橋（串川）" sheetId="9" r:id="rId9"/>
    <sheet name="馬船橋" sheetId="10" r:id="rId10"/>
    <sheet name="第一鮎津橋" sheetId="11" r:id="rId11"/>
    <sheet name="第二鮎津橋" sheetId="12" r:id="rId12"/>
    <sheet name="相川水位観測所" sheetId="13" r:id="rId13"/>
    <sheet name="新竹沢橋" sheetId="14" r:id="rId14"/>
    <sheet name="河原橋（目久尻川）" sheetId="15" r:id="rId15"/>
    <sheet name="宮の下橋" sheetId="16" r:id="rId16"/>
  </sheets>
  <calcPr calcId="0"/>
</workbook>
</file>

<file path=xl/sharedStrings.xml><?xml version="1.0" encoding="utf-8"?>
<sst xmlns="http://schemas.openxmlformats.org/spreadsheetml/2006/main" count="11279" uniqueCount="993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晴れ</t>
  </si>
  <si>
    <t>降雨なし</t>
  </si>
  <si>
    <t>19.0</t>
  </si>
  <si>
    <t>12.9</t>
  </si>
  <si>
    <t>20.89</t>
  </si>
  <si>
    <t>0.64</t>
  </si>
  <si>
    <t>3.23</t>
  </si>
  <si>
    <t>&gt;100</t>
  </si>
  <si>
    <t>通常の状況</t>
  </si>
  <si>
    <t>黄緑色・淡（明）</t>
  </si>
  <si>
    <t>川藻臭（微）</t>
  </si>
  <si>
    <t>8.0</t>
  </si>
  <si>
    <t>1.2</t>
  </si>
  <si>
    <t>2.0</t>
  </si>
  <si>
    <t>1</t>
  </si>
  <si>
    <t>17.4</t>
  </si>
  <si>
    <t>13.7</t>
  </si>
  <si>
    <t>21.00</t>
  </si>
  <si>
    <t>0.67</t>
  </si>
  <si>
    <t>3.37</t>
  </si>
  <si>
    <t>0.9</t>
  </si>
  <si>
    <t>1.9</t>
  </si>
  <si>
    <t>2018/05/25</t>
  </si>
  <si>
    <t>23.5</t>
  </si>
  <si>
    <t>18.0</t>
  </si>
  <si>
    <t>42.55</t>
  </si>
  <si>
    <t>0.91</t>
  </si>
  <si>
    <t>4.55</t>
  </si>
  <si>
    <t>緑色・淡（明）</t>
  </si>
  <si>
    <t>無臭</t>
  </si>
  <si>
    <t>7.8</t>
  </si>
  <si>
    <t>1.1</t>
  </si>
  <si>
    <t>2</t>
  </si>
  <si>
    <t>20.5</t>
  </si>
  <si>
    <t>17.6</t>
  </si>
  <si>
    <t>41.11</t>
  </si>
  <si>
    <t>0.89</t>
  </si>
  <si>
    <t>4.46</t>
  </si>
  <si>
    <t>75</t>
  </si>
  <si>
    <t>灰緑色・中</t>
  </si>
  <si>
    <t>2018/06/13</t>
  </si>
  <si>
    <t>曇り</t>
  </si>
  <si>
    <t>22.3</t>
  </si>
  <si>
    <t>19.3</t>
  </si>
  <si>
    <t>24.11</t>
  </si>
  <si>
    <t>0.84</t>
  </si>
  <si>
    <t>4.20</t>
  </si>
  <si>
    <t>無色</t>
  </si>
  <si>
    <t>1.8</t>
  </si>
  <si>
    <t>2.4</t>
  </si>
  <si>
    <t>22.0</t>
  </si>
  <si>
    <t>19.1</t>
  </si>
  <si>
    <t>22.33</t>
  </si>
  <si>
    <t>0.86</t>
  </si>
  <si>
    <t>4.30</t>
  </si>
  <si>
    <t>1.5</t>
  </si>
  <si>
    <t>1.7</t>
  </si>
  <si>
    <t>2018/07/04</t>
  </si>
  <si>
    <t>24.5</t>
  </si>
  <si>
    <t>21.8</t>
  </si>
  <si>
    <t>22.55</t>
  </si>
  <si>
    <t>0.82</t>
  </si>
  <si>
    <t>4.11</t>
  </si>
  <si>
    <t>89</t>
  </si>
  <si>
    <t>8.1</t>
  </si>
  <si>
    <t>2.2</t>
  </si>
  <si>
    <t>24.8</t>
  </si>
  <si>
    <t>20.7</t>
  </si>
  <si>
    <t>22.00</t>
  </si>
  <si>
    <t>0.81</t>
  </si>
  <si>
    <t>4.05</t>
  </si>
  <si>
    <t>77</t>
  </si>
  <si>
    <t>7.9</t>
  </si>
  <si>
    <t>2018/08/23</t>
  </si>
  <si>
    <t>26.2</t>
  </si>
  <si>
    <t>23.0</t>
  </si>
  <si>
    <t>39.00</t>
  </si>
  <si>
    <t>0.95</t>
  </si>
  <si>
    <t>4.75</t>
  </si>
  <si>
    <t>50</t>
  </si>
  <si>
    <t>灰緑色・淡（明）</t>
  </si>
  <si>
    <t>7.5</t>
  </si>
  <si>
    <t>0.5</t>
  </si>
  <si>
    <t>3</t>
  </si>
  <si>
    <t>27.8</t>
  </si>
  <si>
    <t>63.34</t>
  </si>
  <si>
    <t>0.79</t>
  </si>
  <si>
    <t>3.95</t>
  </si>
  <si>
    <t>36</t>
  </si>
  <si>
    <t>灰黄緑色・淡（明）</t>
  </si>
  <si>
    <t>7.6</t>
  </si>
  <si>
    <t>0.6</t>
  </si>
  <si>
    <t>2018/09/19</t>
  </si>
  <si>
    <t>22.1</t>
  </si>
  <si>
    <t>20.2</t>
  </si>
  <si>
    <t>48.11</t>
  </si>
  <si>
    <t>0.90</t>
  </si>
  <si>
    <t>4.50</t>
  </si>
  <si>
    <t>53</t>
  </si>
  <si>
    <t>4</t>
  </si>
  <si>
    <t>19.5</t>
  </si>
  <si>
    <t>55.00</t>
  </si>
  <si>
    <t>0.94</t>
  </si>
  <si>
    <t>4.72</t>
  </si>
  <si>
    <t>38</t>
  </si>
  <si>
    <t>0.8</t>
  </si>
  <si>
    <t>2018/10/25</t>
  </si>
  <si>
    <t>18.3</t>
  </si>
  <si>
    <t>17.2</t>
  </si>
  <si>
    <t>22.23</t>
  </si>
  <si>
    <t>3.2</t>
  </si>
  <si>
    <t>32</t>
  </si>
  <si>
    <t>14.9</t>
  </si>
  <si>
    <t>16.7</t>
  </si>
  <si>
    <t>22.11</t>
  </si>
  <si>
    <t>0.60</t>
  </si>
  <si>
    <t>3.0</t>
  </si>
  <si>
    <t>7.7</t>
  </si>
  <si>
    <t>6</t>
  </si>
  <si>
    <t>2018/11/19</t>
  </si>
  <si>
    <t>12.5</t>
  </si>
  <si>
    <t>17.44</t>
  </si>
  <si>
    <t>0.72</t>
  </si>
  <si>
    <t>3.60</t>
  </si>
  <si>
    <t>42</t>
  </si>
  <si>
    <t>1.0</t>
  </si>
  <si>
    <t>雨</t>
  </si>
  <si>
    <t>13.2</t>
  </si>
  <si>
    <t>14.5</t>
  </si>
  <si>
    <t>19.00</t>
  </si>
  <si>
    <t>0.66</t>
  </si>
  <si>
    <t>3.32</t>
  </si>
  <si>
    <t>0.7</t>
  </si>
  <si>
    <t>2.1</t>
  </si>
  <si>
    <t>2018/12/05</t>
  </si>
  <si>
    <t>14.0</t>
  </si>
  <si>
    <t>20.00</t>
  </si>
  <si>
    <t>0.63</t>
  </si>
  <si>
    <t>3.15</t>
  </si>
  <si>
    <t>45</t>
  </si>
  <si>
    <t>13.1</t>
  </si>
  <si>
    <t>13.4</t>
  </si>
  <si>
    <t>20.11</t>
  </si>
  <si>
    <t>3.19</t>
  </si>
  <si>
    <t>2019/01/09</t>
  </si>
  <si>
    <t>4.0</t>
  </si>
  <si>
    <t>13.11</t>
  </si>
  <si>
    <t>0.59</t>
  </si>
  <si>
    <t>2.95</t>
  </si>
  <si>
    <t>40</t>
  </si>
  <si>
    <t>0.3</t>
  </si>
  <si>
    <t>8.4</t>
  </si>
  <si>
    <t>13.56</t>
  </si>
  <si>
    <t>3.00</t>
  </si>
  <si>
    <t>5</t>
  </si>
  <si>
    <t>2019/02/21</t>
  </si>
  <si>
    <t>10.5</t>
  </si>
  <si>
    <t>14.11</t>
  </si>
  <si>
    <t>0.34</t>
  </si>
  <si>
    <t>1.70</t>
  </si>
  <si>
    <t>灰黄緑色・中</t>
  </si>
  <si>
    <t>8.2</t>
  </si>
  <si>
    <t>1.6</t>
  </si>
  <si>
    <t>2.7</t>
  </si>
  <si>
    <t>7</t>
  </si>
  <si>
    <t>9.5</t>
  </si>
  <si>
    <t>15.00</t>
  </si>
  <si>
    <t>0.39</t>
  </si>
  <si>
    <t>1.95</t>
  </si>
  <si>
    <t>1.4</t>
  </si>
  <si>
    <t>2019/03/06</t>
  </si>
  <si>
    <t>8.5</t>
  </si>
  <si>
    <t>16.11</t>
  </si>
  <si>
    <t>0.38</t>
  </si>
  <si>
    <t>1.90</t>
  </si>
  <si>
    <t>65</t>
  </si>
  <si>
    <t>灰黄色・淡（明）</t>
  </si>
  <si>
    <t>2.6</t>
  </si>
  <si>
    <t>12.1</t>
  </si>
  <si>
    <t>16.00</t>
  </si>
  <si>
    <t>1.92</t>
  </si>
  <si>
    <t>52</t>
  </si>
  <si>
    <t>15.5</t>
  </si>
  <si>
    <t>13.0</t>
  </si>
  <si>
    <t>23.91</t>
  </si>
  <si>
    <t>0.12</t>
  </si>
  <si>
    <t>1.09</t>
  </si>
  <si>
    <t>18.5</t>
  </si>
  <si>
    <t>0.57</t>
  </si>
  <si>
    <t>23.94</t>
  </si>
  <si>
    <t>0.14</t>
  </si>
  <si>
    <t>0.97</t>
  </si>
  <si>
    <t>2018/04/12</t>
  </si>
  <si>
    <t>16.0</t>
  </si>
  <si>
    <t>0.55</t>
  </si>
  <si>
    <t>21.90</t>
  </si>
  <si>
    <t>0.13</t>
  </si>
  <si>
    <t>1.02</t>
  </si>
  <si>
    <t>2018/05/16</t>
  </si>
  <si>
    <t>27.9</t>
  </si>
  <si>
    <t>17.8</t>
  </si>
  <si>
    <t>61.44</t>
  </si>
  <si>
    <t>0.21</t>
  </si>
  <si>
    <t>1.16</t>
  </si>
  <si>
    <t>74</t>
  </si>
  <si>
    <t>流量大（大雨、雪どけのため）</t>
  </si>
  <si>
    <t>黄色・淡（明）</t>
  </si>
  <si>
    <t>25.1</t>
  </si>
  <si>
    <t>17.9</t>
  </si>
  <si>
    <t>62.19</t>
  </si>
  <si>
    <t>0.19</t>
  </si>
  <si>
    <t>1.25</t>
  </si>
  <si>
    <t>2018/05/17</t>
  </si>
  <si>
    <t>16.1</t>
  </si>
  <si>
    <t>56.74</t>
  </si>
  <si>
    <t>0.16</t>
  </si>
  <si>
    <t>1.24</t>
  </si>
  <si>
    <t>2.3</t>
  </si>
  <si>
    <t>2018/06/08</t>
  </si>
  <si>
    <t>26.4</t>
  </si>
  <si>
    <t>20.3</t>
  </si>
  <si>
    <t>0.56</t>
  </si>
  <si>
    <t>22.56</t>
  </si>
  <si>
    <t>1.01</t>
  </si>
  <si>
    <t>26.0</t>
  </si>
  <si>
    <t>21.5</t>
  </si>
  <si>
    <t>22.26</t>
  </si>
  <si>
    <t>0.11</t>
  </si>
  <si>
    <t>0.96</t>
  </si>
  <si>
    <t>2018/06/09</t>
  </si>
  <si>
    <t>19.2</t>
  </si>
  <si>
    <t>0.54</t>
  </si>
  <si>
    <t>1.04</t>
  </si>
  <si>
    <t>28.7</t>
  </si>
  <si>
    <t>0.50</t>
  </si>
  <si>
    <t>21.74</t>
  </si>
  <si>
    <t>29.3</t>
  </si>
  <si>
    <t>0.51</t>
  </si>
  <si>
    <t>21.89</t>
  </si>
  <si>
    <t>2018/07/05</t>
  </si>
  <si>
    <t>25.6</t>
  </si>
  <si>
    <t>21.2</t>
  </si>
  <si>
    <t>0.52</t>
  </si>
  <si>
    <t>21.39</t>
  </si>
  <si>
    <t>0.09</t>
  </si>
  <si>
    <t>2018/08/15</t>
  </si>
  <si>
    <t>33.8</t>
  </si>
  <si>
    <t>24.0</t>
  </si>
  <si>
    <t>1.07</t>
  </si>
  <si>
    <t>56.16</t>
  </si>
  <si>
    <t>濁り多し（上流または近海で工事のため）</t>
  </si>
  <si>
    <t>28.8</t>
  </si>
  <si>
    <t>23.8</t>
  </si>
  <si>
    <t>0.92</t>
  </si>
  <si>
    <t>46.45</t>
  </si>
  <si>
    <t>0.85</t>
  </si>
  <si>
    <t>57</t>
  </si>
  <si>
    <t>2018/08/16</t>
  </si>
  <si>
    <t>26.8</t>
  </si>
  <si>
    <t>22.9</t>
  </si>
  <si>
    <t>0.75</t>
  </si>
  <si>
    <t>38.23</t>
  </si>
  <si>
    <t>1.00</t>
  </si>
  <si>
    <t>61</t>
  </si>
  <si>
    <t>20.8</t>
  </si>
  <si>
    <t>0.78</t>
  </si>
  <si>
    <t>46.70</t>
  </si>
  <si>
    <t>0.20</t>
  </si>
  <si>
    <t>1.23</t>
  </si>
  <si>
    <t>58</t>
  </si>
  <si>
    <t>21.0</t>
  </si>
  <si>
    <t>0.70</t>
  </si>
  <si>
    <t>45.38</t>
  </si>
  <si>
    <t>0.17</t>
  </si>
  <si>
    <t>1.30</t>
  </si>
  <si>
    <t>83</t>
  </si>
  <si>
    <t>2018/09/20</t>
  </si>
  <si>
    <t>19.8</t>
  </si>
  <si>
    <t>50.69</t>
  </si>
  <si>
    <t>0.18</t>
  </si>
  <si>
    <t>1.32</t>
  </si>
  <si>
    <t>68</t>
  </si>
  <si>
    <t>2018/10/24</t>
  </si>
  <si>
    <t>0.53</t>
  </si>
  <si>
    <t>28.25</t>
  </si>
  <si>
    <t>0.15</t>
  </si>
  <si>
    <t>48</t>
  </si>
  <si>
    <t>0.44</t>
  </si>
  <si>
    <t>23.53</t>
  </si>
  <si>
    <t>44</t>
  </si>
  <si>
    <t>0.1</t>
  </si>
  <si>
    <t>26.73</t>
  </si>
  <si>
    <t>39</t>
  </si>
  <si>
    <t>2018/11/14</t>
  </si>
  <si>
    <t>14.6</t>
  </si>
  <si>
    <t>0.80</t>
  </si>
  <si>
    <t>33.89</t>
  </si>
  <si>
    <t>1.33</t>
  </si>
  <si>
    <t>93</t>
  </si>
  <si>
    <t>11.5</t>
  </si>
  <si>
    <t>15.8</t>
  </si>
  <si>
    <t>34.45</t>
  </si>
  <si>
    <t>1.31</t>
  </si>
  <si>
    <t>2018/11/15</t>
  </si>
  <si>
    <t>34.87</t>
  </si>
  <si>
    <t>1.37</t>
  </si>
  <si>
    <t>18.8</t>
  </si>
  <si>
    <t>14.7</t>
  </si>
  <si>
    <t>25.96</t>
  </si>
  <si>
    <t>86</t>
  </si>
  <si>
    <t>16.4</t>
  </si>
  <si>
    <t>14.2</t>
  </si>
  <si>
    <t>0.73</t>
  </si>
  <si>
    <t>27.04</t>
  </si>
  <si>
    <t>1.26</t>
  </si>
  <si>
    <t>70</t>
  </si>
  <si>
    <t>2018/12/06</t>
  </si>
  <si>
    <t>26.95</t>
  </si>
  <si>
    <t>1.29</t>
  </si>
  <si>
    <t>64</t>
  </si>
  <si>
    <t>9.0</t>
  </si>
  <si>
    <t>0.47</t>
  </si>
  <si>
    <t>15.32</t>
  </si>
  <si>
    <t>5.1</t>
  </si>
  <si>
    <t>16.25</t>
  </si>
  <si>
    <t>2019/01/10</t>
  </si>
  <si>
    <t>-1.5</t>
  </si>
  <si>
    <t>0.46</t>
  </si>
  <si>
    <t>14.71</t>
  </si>
  <si>
    <t>2019/02/13</t>
  </si>
  <si>
    <t>6.0</t>
  </si>
  <si>
    <t>7.3</t>
  </si>
  <si>
    <t>23.33</t>
  </si>
  <si>
    <t>1.18</t>
  </si>
  <si>
    <t>67</t>
  </si>
  <si>
    <t>23.31</t>
  </si>
  <si>
    <t>62</t>
  </si>
  <si>
    <t>2.8</t>
  </si>
  <si>
    <t>2019/02/14</t>
  </si>
  <si>
    <t>7.2</t>
  </si>
  <si>
    <t>23.50</t>
  </si>
  <si>
    <t>1.15</t>
  </si>
  <si>
    <t>11.3</t>
  </si>
  <si>
    <t>9.1</t>
  </si>
  <si>
    <t>19.78</t>
  </si>
  <si>
    <t>79</t>
  </si>
  <si>
    <t>2.5</t>
  </si>
  <si>
    <t>13.9</t>
  </si>
  <si>
    <t>10.0</t>
  </si>
  <si>
    <t>20.14</t>
  </si>
  <si>
    <t>1.27</t>
  </si>
  <si>
    <t>60</t>
  </si>
  <si>
    <t>2019/03/07</t>
  </si>
  <si>
    <t>9.2</t>
  </si>
  <si>
    <t>20.65</t>
  </si>
  <si>
    <t>15.7</t>
  </si>
  <si>
    <t>26.56</t>
  </si>
  <si>
    <t>0.06</t>
  </si>
  <si>
    <t>0.32</t>
  </si>
  <si>
    <t>2018/05/22</t>
  </si>
  <si>
    <t>快晴</t>
  </si>
  <si>
    <t>22.5</t>
  </si>
  <si>
    <t>47.60</t>
  </si>
  <si>
    <t>0.45</t>
  </si>
  <si>
    <t>2018/06/05</t>
  </si>
  <si>
    <t>26.1</t>
  </si>
  <si>
    <t>22.44</t>
  </si>
  <si>
    <t>0.28</t>
  </si>
  <si>
    <t>28.9</t>
  </si>
  <si>
    <t>23.4</t>
  </si>
  <si>
    <t>22.16</t>
  </si>
  <si>
    <t>0.05</t>
  </si>
  <si>
    <t>0.27</t>
  </si>
  <si>
    <t>2018/08/21</t>
  </si>
  <si>
    <t>23.6</t>
  </si>
  <si>
    <t>28.19</t>
  </si>
  <si>
    <t>0.29</t>
  </si>
  <si>
    <t>0.4</t>
  </si>
  <si>
    <t>24.9</t>
  </si>
  <si>
    <t>54.94</t>
  </si>
  <si>
    <t>0.07</t>
  </si>
  <si>
    <t>0.35</t>
  </si>
  <si>
    <t>2018/10/23</t>
  </si>
  <si>
    <t>16.3</t>
  </si>
  <si>
    <t>15.4</t>
  </si>
  <si>
    <t>31.88</t>
  </si>
  <si>
    <t>2018/11/07</t>
  </si>
  <si>
    <t>19.6</t>
  </si>
  <si>
    <t>31.37</t>
  </si>
  <si>
    <t>1.3</t>
  </si>
  <si>
    <t>15.0</t>
  </si>
  <si>
    <t>0.10</t>
  </si>
  <si>
    <t>4.3</t>
  </si>
  <si>
    <t>18.11</t>
  </si>
  <si>
    <t>76</t>
  </si>
  <si>
    <t>2019/02/05</t>
  </si>
  <si>
    <t>20.26</t>
  </si>
  <si>
    <t>10.7</t>
  </si>
  <si>
    <t>10.6</t>
  </si>
  <si>
    <t>20.45</t>
  </si>
  <si>
    <t>23.21</t>
  </si>
  <si>
    <t>16.9</t>
  </si>
  <si>
    <t>24.45</t>
  </si>
  <si>
    <t>17.5</t>
  </si>
  <si>
    <t>53.50</t>
  </si>
  <si>
    <t>18.1</t>
  </si>
  <si>
    <t>20.0</t>
  </si>
  <si>
    <t>53.33</t>
  </si>
  <si>
    <t>28.0</t>
  </si>
  <si>
    <t>21.9</t>
  </si>
  <si>
    <t>26.59</t>
  </si>
  <si>
    <t>22.7</t>
  </si>
  <si>
    <t>25.33</t>
  </si>
  <si>
    <t>25.4</t>
  </si>
  <si>
    <t>21.72</t>
  </si>
  <si>
    <t>25.8</t>
  </si>
  <si>
    <t>22.79</t>
  </si>
  <si>
    <t>8.3</t>
  </si>
  <si>
    <t>30.2</t>
  </si>
  <si>
    <t>32.80</t>
  </si>
  <si>
    <t>26.7</t>
  </si>
  <si>
    <t>31.42</t>
  </si>
  <si>
    <t>23.1</t>
  </si>
  <si>
    <t>19.9</t>
  </si>
  <si>
    <t>62.08</t>
  </si>
  <si>
    <t>21.7</t>
  </si>
  <si>
    <t>64.13</t>
  </si>
  <si>
    <t>16.8</t>
  </si>
  <si>
    <t>15.9</t>
  </si>
  <si>
    <t>31.06</t>
  </si>
  <si>
    <t>29.03</t>
  </si>
  <si>
    <t>16.5</t>
  </si>
  <si>
    <t>31.05</t>
  </si>
  <si>
    <t>15.2</t>
  </si>
  <si>
    <t>31.34</t>
  </si>
  <si>
    <t>18.2</t>
  </si>
  <si>
    <t>23.04</t>
  </si>
  <si>
    <t>7.4</t>
  </si>
  <si>
    <t>18.34</t>
  </si>
  <si>
    <t>3.4</t>
  </si>
  <si>
    <t>4.7</t>
  </si>
  <si>
    <t>20.34</t>
  </si>
  <si>
    <t>9.8</t>
  </si>
  <si>
    <t>19.95</t>
  </si>
  <si>
    <t>20.47</t>
  </si>
  <si>
    <t>10.1</t>
  </si>
  <si>
    <t>20.33</t>
  </si>
  <si>
    <t>11.9</t>
  </si>
  <si>
    <t>21.80</t>
  </si>
  <si>
    <t>15</t>
  </si>
  <si>
    <t>14.4</t>
  </si>
  <si>
    <t>0.48</t>
  </si>
  <si>
    <t>4.1</t>
  </si>
  <si>
    <t>2018/05/18</t>
  </si>
  <si>
    <t>21.6</t>
  </si>
  <si>
    <t>0.77</t>
  </si>
  <si>
    <t>3.85</t>
  </si>
  <si>
    <t>7.1</t>
  </si>
  <si>
    <t>4.12</t>
  </si>
  <si>
    <t>6.9</t>
  </si>
  <si>
    <t>2018/06/06</t>
  </si>
  <si>
    <t>22.8</t>
  </si>
  <si>
    <t>22.4</t>
  </si>
  <si>
    <t>1.35</t>
  </si>
  <si>
    <t>20.6</t>
  </si>
  <si>
    <t>22</t>
  </si>
  <si>
    <t>0.43</t>
  </si>
  <si>
    <t>2.17</t>
  </si>
  <si>
    <t>28</t>
  </si>
  <si>
    <t>0.58</t>
  </si>
  <si>
    <t>2.9</t>
  </si>
  <si>
    <t>59</t>
  </si>
  <si>
    <t>褐色・淡（明）</t>
  </si>
  <si>
    <t>5.8</t>
  </si>
  <si>
    <t>5.9</t>
  </si>
  <si>
    <t>27</t>
  </si>
  <si>
    <t>26</t>
  </si>
  <si>
    <t>2.55</t>
  </si>
  <si>
    <t>81</t>
  </si>
  <si>
    <t>8</t>
  </si>
  <si>
    <t>2018/08/20</t>
  </si>
  <si>
    <t>23.2</t>
  </si>
  <si>
    <t>2.15</t>
  </si>
  <si>
    <t>27.2</t>
  </si>
  <si>
    <t>2.64</t>
  </si>
  <si>
    <t>20.4</t>
  </si>
  <si>
    <t>2.57</t>
  </si>
  <si>
    <t>2.78</t>
  </si>
  <si>
    <t>92</t>
  </si>
  <si>
    <t>16.2</t>
  </si>
  <si>
    <t>3.3</t>
  </si>
  <si>
    <t>94.5</t>
  </si>
  <si>
    <t>17.1</t>
  </si>
  <si>
    <t>0.62</t>
  </si>
  <si>
    <t>3.12</t>
  </si>
  <si>
    <t>70.5</t>
  </si>
  <si>
    <t>17</t>
  </si>
  <si>
    <t>2.87</t>
  </si>
  <si>
    <t>2.62</t>
  </si>
  <si>
    <t>5.2</t>
  </si>
  <si>
    <t>10.2</t>
  </si>
  <si>
    <t>3.18</t>
  </si>
  <si>
    <t>10.4</t>
  </si>
  <si>
    <t>0.49</t>
  </si>
  <si>
    <t>2.43</t>
  </si>
  <si>
    <t>9.4</t>
  </si>
  <si>
    <t>13</t>
  </si>
  <si>
    <t>4.5</t>
  </si>
  <si>
    <t>14.8</t>
  </si>
  <si>
    <t>2.27</t>
  </si>
  <si>
    <t>0.36</t>
  </si>
  <si>
    <t>&lt;1</t>
  </si>
  <si>
    <t>0.40</t>
  </si>
  <si>
    <t>17.7</t>
  </si>
  <si>
    <t>0.30</t>
  </si>
  <si>
    <t>0.33</t>
  </si>
  <si>
    <t>22.2</t>
  </si>
  <si>
    <t>2018/08/01</t>
  </si>
  <si>
    <t>25.0</t>
  </si>
  <si>
    <t>1.12</t>
  </si>
  <si>
    <t>0.2</t>
  </si>
  <si>
    <t>0.26</t>
  </si>
  <si>
    <t>18.4</t>
  </si>
  <si>
    <t>0.22</t>
  </si>
  <si>
    <t>14.1</t>
  </si>
  <si>
    <t>0.08</t>
  </si>
  <si>
    <t>13.5</t>
  </si>
  <si>
    <t>11.8</t>
  </si>
  <si>
    <t>12.0</t>
  </si>
  <si>
    <t>0.41</t>
  </si>
  <si>
    <t>0.24</t>
  </si>
  <si>
    <t>5.5</t>
  </si>
  <si>
    <t>3.5</t>
  </si>
  <si>
    <t>-1.2</t>
  </si>
  <si>
    <t>8.6</t>
  </si>
  <si>
    <t>0.37</t>
  </si>
  <si>
    <t>11.0</t>
  </si>
  <si>
    <t>6.33</t>
  </si>
  <si>
    <t>0.68</t>
  </si>
  <si>
    <t>15.3</t>
  </si>
  <si>
    <t>5.47</t>
  </si>
  <si>
    <t>5.44</t>
  </si>
  <si>
    <t>5.48</t>
  </si>
  <si>
    <t>3.28</t>
  </si>
  <si>
    <t>29.0</t>
  </si>
  <si>
    <t>0.71</t>
  </si>
  <si>
    <t>12.51</t>
  </si>
  <si>
    <t>13.33</t>
  </si>
  <si>
    <t>0.65</t>
  </si>
  <si>
    <t>白色・乳白色・淡（明）</t>
  </si>
  <si>
    <t>5.87</t>
  </si>
  <si>
    <t>16.6</t>
  </si>
  <si>
    <t>5.85</t>
  </si>
  <si>
    <t>6.13</t>
  </si>
  <si>
    <t>0.83</t>
  </si>
  <si>
    <t>13.8</t>
  </si>
  <si>
    <t>5.57</t>
  </si>
  <si>
    <t>11.6</t>
  </si>
  <si>
    <t>3.84</t>
  </si>
  <si>
    <t>3.09</t>
  </si>
  <si>
    <t>3.8</t>
  </si>
  <si>
    <t>2.30</t>
  </si>
  <si>
    <t>-1.6</t>
  </si>
  <si>
    <t>3.6</t>
  </si>
  <si>
    <t>0.31</t>
  </si>
  <si>
    <t>2.28</t>
  </si>
  <si>
    <t>8.8</t>
  </si>
  <si>
    <t>1.83</t>
  </si>
  <si>
    <t>7.0</t>
  </si>
  <si>
    <t>1.64</t>
  </si>
  <si>
    <t>2.80</t>
  </si>
  <si>
    <t>2.45</t>
  </si>
  <si>
    <t>24.1</t>
  </si>
  <si>
    <t>4.73</t>
  </si>
  <si>
    <t>24.6</t>
  </si>
  <si>
    <t>0.76</t>
  </si>
  <si>
    <t>43.21</t>
  </si>
  <si>
    <t>43.12</t>
  </si>
  <si>
    <t>18.9</t>
  </si>
  <si>
    <t>17.0</t>
  </si>
  <si>
    <t>27.0</t>
  </si>
  <si>
    <t>20.80</t>
  </si>
  <si>
    <t>19.65</t>
  </si>
  <si>
    <t>36.0</t>
  </si>
  <si>
    <t>27.5</t>
  </si>
  <si>
    <t>1.75</t>
  </si>
  <si>
    <t>1.89</t>
  </si>
  <si>
    <t>27.94</t>
  </si>
  <si>
    <t>23.16</t>
  </si>
  <si>
    <t>12.8</t>
  </si>
  <si>
    <t>1.05</t>
  </si>
  <si>
    <t>0.42</t>
  </si>
  <si>
    <t>12.2</t>
  </si>
  <si>
    <t>15.6</t>
  </si>
  <si>
    <t>1.44</t>
  </si>
  <si>
    <t>-1.0</t>
  </si>
  <si>
    <t>2.07</t>
  </si>
  <si>
    <t>3.63</t>
  </si>
  <si>
    <t>5.0</t>
  </si>
  <si>
    <t>3.91</t>
  </si>
  <si>
    <t>12.6</t>
  </si>
  <si>
    <t>0.03</t>
  </si>
  <si>
    <t>0.01</t>
  </si>
  <si>
    <t>0.02</t>
  </si>
  <si>
    <t>18.7</t>
  </si>
  <si>
    <t>0.04</t>
  </si>
  <si>
    <t>24.2</t>
  </si>
  <si>
    <t>35.3</t>
  </si>
  <si>
    <t>29.5</t>
  </si>
  <si>
    <t>0.23</t>
  </si>
  <si>
    <t>1.17</t>
  </si>
  <si>
    <t>1.13</t>
  </si>
  <si>
    <t>13.3</t>
  </si>
  <si>
    <t>12.7</t>
  </si>
  <si>
    <t>0.69</t>
  </si>
  <si>
    <t>4.2</t>
  </si>
  <si>
    <t>6.5</t>
  </si>
  <si>
    <t>10.3</t>
  </si>
  <si>
    <t>8.7</t>
  </si>
  <si>
    <t>28.5</t>
  </si>
  <si>
    <t>32.1</t>
  </si>
  <si>
    <t>33.2</t>
  </si>
  <si>
    <t>0.25</t>
  </si>
  <si>
    <t>0.00</t>
  </si>
  <si>
    <t>6.2</t>
  </si>
  <si>
    <t>11.2</t>
  </si>
  <si>
    <t>5.51</t>
  </si>
  <si>
    <t>6.49</t>
  </si>
  <si>
    <t>17.3</t>
  </si>
  <si>
    <t>5.01</t>
  </si>
  <si>
    <t>8.40</t>
  </si>
  <si>
    <t>7.79</t>
  </si>
  <si>
    <t>7.86</t>
  </si>
  <si>
    <t>26.5</t>
  </si>
  <si>
    <t>4.49</t>
  </si>
  <si>
    <t>4.76</t>
  </si>
  <si>
    <t>5.00</t>
  </si>
  <si>
    <t>29.7</t>
  </si>
  <si>
    <t>6.14</t>
  </si>
  <si>
    <t>28.6</t>
  </si>
  <si>
    <t>6.78</t>
  </si>
  <si>
    <t>24.7</t>
  </si>
  <si>
    <t>7.55</t>
  </si>
  <si>
    <t>18.03</t>
  </si>
  <si>
    <t>15.56</t>
  </si>
  <si>
    <t>15.24</t>
  </si>
  <si>
    <t>8.66</t>
  </si>
  <si>
    <t>8.24</t>
  </si>
  <si>
    <t>0.74</t>
  </si>
  <si>
    <t>8.53</t>
  </si>
  <si>
    <t>3.75</t>
  </si>
  <si>
    <t>4.13</t>
  </si>
  <si>
    <t>4.06</t>
  </si>
  <si>
    <t>2.81</t>
  </si>
  <si>
    <t>2.40</t>
  </si>
  <si>
    <t>6.8</t>
  </si>
  <si>
    <t>2.56</t>
  </si>
  <si>
    <t>2.51</t>
  </si>
  <si>
    <t>2.37</t>
  </si>
  <si>
    <t>2.11</t>
  </si>
  <si>
    <t>5.28</t>
  </si>
  <si>
    <t>4.8</t>
  </si>
  <si>
    <t>5.32</t>
  </si>
  <si>
    <t>-2.0</t>
  </si>
  <si>
    <t>5.19</t>
  </si>
  <si>
    <t>5.26</t>
  </si>
  <si>
    <t>4.88</t>
  </si>
  <si>
    <t>5.09</t>
  </si>
  <si>
    <t>2.47</t>
  </si>
  <si>
    <t>0.61</t>
  </si>
  <si>
    <t>2.60</t>
  </si>
  <si>
    <t>3.1</t>
  </si>
  <si>
    <t>1.11</t>
  </si>
  <si>
    <t>3.48</t>
  </si>
  <si>
    <t>2.92</t>
  </si>
  <si>
    <t>0.87</t>
  </si>
  <si>
    <t>1.08</t>
  </si>
  <si>
    <t>ゴミ、浮遊物多し</t>
  </si>
  <si>
    <t>1.20</t>
  </si>
  <si>
    <t>30.6</t>
  </si>
  <si>
    <t>0.99</t>
  </si>
  <si>
    <t>80</t>
  </si>
  <si>
    <t>2.18</t>
  </si>
  <si>
    <t>2.02</t>
  </si>
  <si>
    <t>2.25</t>
  </si>
  <si>
    <t>25.7</t>
  </si>
  <si>
    <t>3.76</t>
  </si>
  <si>
    <t>3.64</t>
  </si>
  <si>
    <t>0.88</t>
  </si>
  <si>
    <t>35</t>
  </si>
  <si>
    <t>3.39</t>
  </si>
  <si>
    <t>1.40</t>
  </si>
  <si>
    <t>0.98</t>
  </si>
  <si>
    <t>-3.0</t>
  </si>
  <si>
    <t>3.9</t>
  </si>
  <si>
    <t>1.82</t>
  </si>
  <si>
    <t>5.7</t>
  </si>
  <si>
    <t>23</t>
  </si>
  <si>
    <t>19.4</t>
  </si>
  <si>
    <t>18.6</t>
  </si>
  <si>
    <t>灰色・淡（明）</t>
  </si>
  <si>
    <t>3.24</t>
  </si>
  <si>
    <t>1.03</t>
  </si>
  <si>
    <t>2.68</t>
  </si>
  <si>
    <t>2.61</t>
  </si>
  <si>
    <t>96</t>
  </si>
  <si>
    <t>0.93</t>
  </si>
  <si>
    <t>1.50</t>
  </si>
  <si>
    <t>4.9</t>
  </si>
  <si>
    <t>11</t>
  </si>
  <si>
    <t>1.48</t>
  </si>
  <si>
    <t>3.7</t>
  </si>
  <si>
    <t>21.3</t>
  </si>
  <si>
    <t>1.67</t>
  </si>
  <si>
    <t>1.54</t>
  </si>
  <si>
    <t>1.46</t>
  </si>
  <si>
    <t>5.6</t>
  </si>
  <si>
    <t>26.6</t>
  </si>
  <si>
    <t>33.5</t>
  </si>
  <si>
    <t>1.79</t>
  </si>
  <si>
    <t>27.6</t>
  </si>
  <si>
    <t>1.68</t>
  </si>
  <si>
    <t>25.5</t>
  </si>
  <si>
    <t>1.61</t>
  </si>
  <si>
    <t>95</t>
  </si>
  <si>
    <t>2.39</t>
  </si>
  <si>
    <t>2.32</t>
  </si>
  <si>
    <t>15.1</t>
  </si>
  <si>
    <t>66</t>
  </si>
  <si>
    <t>1.98</t>
  </si>
  <si>
    <t>下水臭（微）</t>
  </si>
  <si>
    <t>55</t>
  </si>
  <si>
    <t>6.6</t>
  </si>
  <si>
    <t>71</t>
  </si>
  <si>
    <t>20.1</t>
  </si>
  <si>
    <t>19.7</t>
  </si>
  <si>
    <t>1.45</t>
  </si>
  <si>
    <t>29.8</t>
  </si>
  <si>
    <t>2.31</t>
  </si>
  <si>
    <t>灰茶色・淡（明）</t>
  </si>
  <si>
    <t>2.08</t>
  </si>
  <si>
    <t>28.2</t>
  </si>
  <si>
    <t>2.49</t>
  </si>
  <si>
    <t>56</t>
  </si>
  <si>
    <t>2.26</t>
  </si>
  <si>
    <t>47</t>
  </si>
  <si>
    <t>2.16</t>
  </si>
  <si>
    <t>29.2</t>
  </si>
  <si>
    <t>2.84</t>
  </si>
  <si>
    <t>54</t>
  </si>
  <si>
    <t>1.74</t>
  </si>
  <si>
    <t>43</t>
  </si>
  <si>
    <t>4.6</t>
  </si>
  <si>
    <t>6.3</t>
  </si>
  <si>
    <t>6.7</t>
  </si>
  <si>
    <t>63</t>
  </si>
  <si>
    <t>4.4</t>
  </si>
  <si>
    <t>6.1</t>
  </si>
  <si>
    <t>1.52</t>
  </si>
  <si>
    <t>20.9</t>
  </si>
  <si>
    <t>21.1</t>
  </si>
  <si>
    <t>1.93</t>
  </si>
  <si>
    <t>1.69</t>
  </si>
  <si>
    <t>1.49</t>
  </si>
  <si>
    <t>10.9</t>
  </si>
  <si>
    <t>0.045</t>
  </si>
  <si>
    <t>&gt;30</t>
  </si>
  <si>
    <t>0.134</t>
  </si>
  <si>
    <t>1.51</t>
  </si>
  <si>
    <t>29</t>
  </si>
  <si>
    <t>0.093</t>
  </si>
  <si>
    <t>0.156</t>
  </si>
  <si>
    <t>34.0</t>
  </si>
  <si>
    <t>30.1</t>
  </si>
  <si>
    <t>0.215</t>
  </si>
  <si>
    <t>2.03</t>
  </si>
  <si>
    <t>31</t>
  </si>
  <si>
    <t>2018/09/12</t>
  </si>
  <si>
    <t>10mm以上20mm未満</t>
  </si>
  <si>
    <t>0.187</t>
  </si>
  <si>
    <t>2018/10/03</t>
  </si>
  <si>
    <t>0.130</t>
  </si>
  <si>
    <t>1.53</t>
  </si>
  <si>
    <t>12</t>
  </si>
  <si>
    <t>0.138</t>
  </si>
  <si>
    <t>5.4</t>
  </si>
  <si>
    <t>19</t>
  </si>
  <si>
    <t>0.062</t>
  </si>
  <si>
    <t>18</t>
  </si>
  <si>
    <t>9.9</t>
  </si>
  <si>
    <t>37</t>
  </si>
  <si>
    <t>0.065</t>
  </si>
  <si>
    <t>2019/02/06</t>
  </si>
  <si>
    <t>0.264</t>
  </si>
  <si>
    <t>2.83</t>
  </si>
  <si>
    <t>9</t>
  </si>
  <si>
    <t>21</t>
  </si>
  <si>
    <t>220</t>
  </si>
  <si>
    <t>0.072</t>
  </si>
  <si>
    <t>34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相模川</t>
  </si>
  <si>
    <t>小倉橋(14-005-53)</t>
  </si>
  <si>
    <t>河川A</t>
  </si>
  <si>
    <t>相模原市</t>
  </si>
  <si>
    <t>ＤＯ</t>
  </si>
  <si>
    <t>単位</t>
  </si>
  <si>
    <t>時：分</t>
  </si>
  <si>
    <t>℃</t>
  </si>
  <si>
    <t>m/s</t>
  </si>
  <si>
    <t>ｍ</t>
  </si>
  <si>
    <t>㎝</t>
  </si>
  <si>
    <t>流心（中央）</t>
  </si>
  <si>
    <t>5mm以上10mm未満</t>
  </si>
  <si>
    <t>0mm以上5mm未満</t>
  </si>
  <si>
    <t>左岸</t>
  </si>
  <si>
    <t>昭和橋(14-005-52)</t>
  </si>
  <si>
    <t>厚木市</t>
  </si>
  <si>
    <t>相模大橋(14-005-51)</t>
  </si>
  <si>
    <t>神奈川県</t>
  </si>
  <si>
    <t>右岸</t>
  </si>
  <si>
    <t>寒川取水堰（上）(14-005-01)</t>
  </si>
  <si>
    <t>馬入橋(14-031-01)</t>
  </si>
  <si>
    <t>河川B</t>
  </si>
  <si>
    <t>国土交通省</t>
  </si>
  <si>
    <t>相模川(秋山川)</t>
  </si>
  <si>
    <t>道志第１発電所上流(14-233-56)</t>
  </si>
  <si>
    <t>相模川(道志川)</t>
  </si>
  <si>
    <t>両国橋(14-233-55)</t>
  </si>
  <si>
    <t>弁天橋(14-233-54)</t>
  </si>
  <si>
    <t>相模川(串川)</t>
  </si>
  <si>
    <t>河原橋（串川）(14-233-57)</t>
  </si>
  <si>
    <t>相模川(鳩川)</t>
  </si>
  <si>
    <t>馬船橋(14-205-58)</t>
  </si>
  <si>
    <t>相模川(中津川)</t>
  </si>
  <si>
    <t>第一鮎津橋(14-039-01)</t>
  </si>
  <si>
    <t>相模川(小鮎川)</t>
  </si>
  <si>
    <t>第二鮎津橋(14-205-56)</t>
  </si>
  <si>
    <t>相模川(玉川)</t>
  </si>
  <si>
    <t>相川水位観測所(14-205-55)</t>
  </si>
  <si>
    <t>相模川(永池川)</t>
  </si>
  <si>
    <t>新竹沢橋(14-205-54)</t>
  </si>
  <si>
    <t>相模川(目久尻川)</t>
  </si>
  <si>
    <t>河原橋（目久尻川）(14-231-52)</t>
  </si>
  <si>
    <t>相模川(小出川)</t>
  </si>
  <si>
    <t>宮の下橋(14-231-51)</t>
  </si>
  <si>
    <t>茅ヶ崎市</t>
  </si>
  <si>
    <t>ｎ-ヘキサン抽出物質</t>
  </si>
  <si>
    <t>鉛</t>
  </si>
  <si>
    <t>MPN/100mL</t>
  </si>
  <si>
    <t>&lt;0.0003</t>
  </si>
  <si>
    <t>&lt;0.01</t>
  </si>
  <si>
    <t>&lt;0.0005</t>
  </si>
  <si>
    <t>&lt;0.02</t>
  </si>
  <si>
    <t>&lt;0.005</t>
  </si>
  <si>
    <t>&lt;0.0001</t>
  </si>
  <si>
    <t>&lt;0.5</t>
  </si>
  <si>
    <t>&lt;0.0002</t>
  </si>
  <si>
    <t>&lt;0.001</t>
  </si>
  <si>
    <t>&lt;0.1</t>
  </si>
  <si>
    <t>1，3-ジクロロプロペン</t>
  </si>
  <si>
    <t>銅</t>
  </si>
  <si>
    <t>溶解性鉄</t>
  </si>
  <si>
    <t>&lt;0.08</t>
  </si>
  <si>
    <t>&lt;0.002</t>
  </si>
  <si>
    <t>&lt;0.05</t>
  </si>
  <si>
    <t>&lt;0.0004</t>
  </si>
  <si>
    <t>&lt;0.0006</t>
  </si>
  <si>
    <t>&lt;0.004</t>
  </si>
  <si>
    <t>有機りん</t>
  </si>
  <si>
    <t>mS/m</t>
  </si>
  <si>
    <t>‰</t>
  </si>
  <si>
    <t>&lt;0.04</t>
  </si>
  <si>
    <t>&lt;0.03</t>
  </si>
  <si>
    <t>&lt;0.008</t>
  </si>
  <si>
    <t>1，1，1-トリクロロエタン</t>
  </si>
  <si>
    <t>μg/L</t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&lt;0.00006</t>
  </si>
  <si>
    <t/>
  </si>
  <si>
    <t>0.0008</t>
  </si>
  <si>
    <t>0.0011</t>
  </si>
  <si>
    <t>0.00008</t>
  </si>
  <si>
    <t>0.00009</t>
  </si>
  <si>
    <t>0.00007</t>
  </si>
  <si>
    <t>0.00010</t>
  </si>
  <si>
    <t>0.0016</t>
  </si>
  <si>
    <t>0.0013</t>
  </si>
  <si>
    <t>0.0014</t>
  </si>
  <si>
    <t>0.0035</t>
  </si>
  <si>
    <t>0.0022</t>
  </si>
  <si>
    <t>0.0006</t>
  </si>
  <si>
    <t>0.0007</t>
  </si>
  <si>
    <t>0.0012</t>
  </si>
  <si>
    <t>0.0017</t>
  </si>
  <si>
    <t>0.0032</t>
  </si>
  <si>
    <t>0.027</t>
  </si>
  <si>
    <t>0.0018</t>
  </si>
  <si>
    <t>0.0069</t>
  </si>
  <si>
    <t>0.00045</t>
  </si>
  <si>
    <t>0.05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07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4</v>
      </c>
      <c r="C1" s="1" t="s">
        <v>1</v>
      </c>
      <c r="D1" s="1" t="s">
        <v>875</v>
      </c>
      <c r="E1" s="1" t="s">
        <v>2</v>
      </c>
      <c r="F1" s="1" t="s">
        <v>876</v>
      </c>
      <c r="G1" s="1" t="s">
        <v>3</v>
      </c>
      <c r="H1" s="1" t="s">
        <v>87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1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7847222222222227</v>
      </c>
      <c r="C4" s="1" t="s">
        <v>885</v>
      </c>
      <c r="D4" s="1" t="s">
        <v>27</v>
      </c>
      <c r="E4" s="1" t="s">
        <v>28</v>
      </c>
      <c r="F4" s="1" t="s">
        <v>29</v>
      </c>
      <c r="G4" s="1" t="s">
        <v>30</v>
      </c>
      <c r="I4" s="1" t="s">
        <v>31</v>
      </c>
      <c r="J4" s="1" t="s">
        <v>32</v>
      </c>
      <c r="K4" s="1" t="s">
        <v>33</v>
      </c>
      <c r="L4" s="1" t="s">
        <v>34</v>
      </c>
      <c r="N4" s="1" t="s">
        <v>35</v>
      </c>
      <c r="O4" s="1" t="s">
        <v>36</v>
      </c>
      <c r="P4" s="1" t="s">
        <v>37</v>
      </c>
      <c r="Q4" s="1" t="s">
        <v>38</v>
      </c>
      <c r="R4" s="1" t="s">
        <v>39</v>
      </c>
      <c r="S4" s="1" t="s">
        <v>40</v>
      </c>
      <c r="T4" s="1" t="s">
        <v>41</v>
      </c>
      <c r="U4" s="1">
        <v>11.5</v>
      </c>
      <c r="V4" s="3">
        <v>23</v>
      </c>
      <c r="W4" s="1"/>
      <c r="X4" s="1">
        <v>0.89</v>
      </c>
      <c r="Y4" s="1">
        <v>3.9E-2</v>
      </c>
      <c r="Z4" s="1">
        <v>2.8999999999999998E-3</v>
      </c>
      <c r="AA4" s="1"/>
      <c r="AB4" s="1"/>
      <c r="AC4" s="1" t="s">
        <v>923</v>
      </c>
      <c r="AD4" s="1" t="s">
        <v>924</v>
      </c>
      <c r="AE4" s="1" t="s">
        <v>925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28</v>
      </c>
      <c r="AM4" s="1"/>
      <c r="AN4" s="1"/>
      <c r="AO4" s="1"/>
      <c r="AP4" t="s">
        <v>928</v>
      </c>
      <c r="AQ4" s="1"/>
      <c r="AR4" s="1" t="s">
        <v>928</v>
      </c>
      <c r="AS4" s="1" t="s">
        <v>928</v>
      </c>
      <c r="AT4" s="1"/>
      <c r="AU4" s="1"/>
      <c r="AV4" s="1"/>
      <c r="AW4" s="1"/>
      <c r="AX4" s="1"/>
      <c r="AY4" s="1"/>
      <c r="AZ4" s="1" t="s">
        <v>936</v>
      </c>
      <c r="BA4" s="1" t="s">
        <v>926</v>
      </c>
      <c r="BB4" s="1">
        <v>0.01</v>
      </c>
      <c r="BC4" s="1">
        <v>0.7</v>
      </c>
      <c r="BD4" s="1">
        <v>0.75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2.3E-2</v>
      </c>
      <c r="BO4" s="1">
        <v>18</v>
      </c>
      <c r="BP4" s="1">
        <v>5.6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75</v>
      </c>
      <c r="C5" s="1" t="s">
        <v>885</v>
      </c>
      <c r="D5" s="1" t="s">
        <v>27</v>
      </c>
      <c r="E5" s="1" t="s">
        <v>28</v>
      </c>
      <c r="F5" s="1" t="s">
        <v>42</v>
      </c>
      <c r="G5" s="1" t="s">
        <v>43</v>
      </c>
      <c r="I5" s="1" t="s">
        <v>44</v>
      </c>
      <c r="J5" s="1" t="s">
        <v>45</v>
      </c>
      <c r="K5" s="1" t="s">
        <v>46</v>
      </c>
      <c r="L5" s="1" t="s">
        <v>34</v>
      </c>
      <c r="N5" s="1" t="s">
        <v>35</v>
      </c>
      <c r="O5" s="1" t="s">
        <v>36</v>
      </c>
      <c r="P5" s="1" t="s">
        <v>37</v>
      </c>
      <c r="Q5" s="1" t="s">
        <v>38</v>
      </c>
      <c r="R5" s="1" t="s">
        <v>47</v>
      </c>
      <c r="S5" s="1" t="s">
        <v>48</v>
      </c>
      <c r="T5" s="1" t="s">
        <v>41</v>
      </c>
      <c r="U5" s="1">
        <v>11.4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9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9</v>
      </c>
      <c r="B6" s="2">
        <v>0.375</v>
      </c>
      <c r="C6" s="1" t="s">
        <v>885</v>
      </c>
      <c r="D6" s="1" t="s">
        <v>27</v>
      </c>
      <c r="E6" s="1" t="s">
        <v>886</v>
      </c>
      <c r="F6" s="1" t="s">
        <v>50</v>
      </c>
      <c r="G6" s="1" t="s">
        <v>51</v>
      </c>
      <c r="I6" s="1" t="s">
        <v>52</v>
      </c>
      <c r="J6" s="1" t="s">
        <v>53</v>
      </c>
      <c r="K6" s="1" t="s">
        <v>54</v>
      </c>
      <c r="L6" s="1" t="s">
        <v>34</v>
      </c>
      <c r="N6" s="1" t="s">
        <v>35</v>
      </c>
      <c r="O6" s="1" t="s">
        <v>55</v>
      </c>
      <c r="P6" s="1" t="s">
        <v>56</v>
      </c>
      <c r="Q6" s="1" t="s">
        <v>57</v>
      </c>
      <c r="R6" s="1" t="s">
        <v>58</v>
      </c>
      <c r="S6" s="1" t="s">
        <v>48</v>
      </c>
      <c r="T6" s="1" t="s">
        <v>59</v>
      </c>
      <c r="U6" s="1">
        <v>9.6999999999999993</v>
      </c>
      <c r="V6" s="3">
        <v>49</v>
      </c>
      <c r="W6" s="1"/>
      <c r="X6" s="1">
        <v>0.68</v>
      </c>
      <c r="Y6" s="1">
        <v>4.2000000000000003E-2</v>
      </c>
      <c r="Z6" s="1">
        <v>6.0000000000000001E-3</v>
      </c>
      <c r="AA6" s="1" t="s">
        <v>970</v>
      </c>
      <c r="AB6" s="1" t="s">
        <v>940</v>
      </c>
      <c r="AC6" s="1"/>
      <c r="AD6" s="1" t="s">
        <v>924</v>
      </c>
      <c r="AE6" s="1" t="s">
        <v>925</v>
      </c>
      <c r="AF6" s="1"/>
      <c r="AG6" s="1" t="s">
        <v>927</v>
      </c>
      <c r="AH6" s="1" t="s">
        <v>925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1</v>
      </c>
      <c r="BC6" s="1">
        <v>0.55000000000000004</v>
      </c>
      <c r="BD6" s="1">
        <v>0.6</v>
      </c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2</v>
      </c>
      <c r="BP6" s="1">
        <v>4.0999999999999996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75</v>
      </c>
      <c r="C7" s="1" t="s">
        <v>885</v>
      </c>
      <c r="D7" s="1" t="s">
        <v>27</v>
      </c>
      <c r="E7" s="1" t="s">
        <v>886</v>
      </c>
      <c r="F7" s="1" t="s">
        <v>60</v>
      </c>
      <c r="G7" s="1" t="s">
        <v>61</v>
      </c>
      <c r="I7" s="1" t="s">
        <v>62</v>
      </c>
      <c r="J7" s="1" t="s">
        <v>63</v>
      </c>
      <c r="K7" s="1" t="s">
        <v>64</v>
      </c>
      <c r="L7" s="1" t="s">
        <v>65</v>
      </c>
      <c r="N7" s="1" t="s">
        <v>35</v>
      </c>
      <c r="O7" s="1" t="s">
        <v>66</v>
      </c>
      <c r="P7" s="1" t="s">
        <v>56</v>
      </c>
      <c r="Q7" s="1" t="s">
        <v>57</v>
      </c>
      <c r="R7" s="1" t="s">
        <v>47</v>
      </c>
      <c r="S7" s="1" t="s">
        <v>40</v>
      </c>
      <c r="T7" s="1" t="s">
        <v>59</v>
      </c>
      <c r="U7" s="1">
        <v>9.9</v>
      </c>
      <c r="V7" s="1"/>
      <c r="W7" s="1"/>
      <c r="X7" s="1"/>
      <c r="Y7" s="1"/>
      <c r="Z7" s="1"/>
      <c r="AA7" s="1" t="s">
        <v>971</v>
      </c>
      <c r="AB7" s="1" t="s">
        <v>97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2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7</v>
      </c>
      <c r="B8" s="2">
        <v>0.3611111111111111</v>
      </c>
      <c r="C8" s="1" t="s">
        <v>885</v>
      </c>
      <c r="D8" s="1" t="s">
        <v>68</v>
      </c>
      <c r="E8" s="1" t="s">
        <v>887</v>
      </c>
      <c r="F8" s="1" t="s">
        <v>69</v>
      </c>
      <c r="G8" s="1" t="s">
        <v>70</v>
      </c>
      <c r="I8" s="1" t="s">
        <v>71</v>
      </c>
      <c r="J8" s="1" t="s">
        <v>72</v>
      </c>
      <c r="K8" s="1" t="s">
        <v>73</v>
      </c>
      <c r="L8" s="1" t="s">
        <v>34</v>
      </c>
      <c r="N8" s="1" t="s">
        <v>35</v>
      </c>
      <c r="O8" s="1" t="s">
        <v>74</v>
      </c>
      <c r="P8" s="1" t="s">
        <v>56</v>
      </c>
      <c r="Q8" s="1" t="s">
        <v>57</v>
      </c>
      <c r="R8" s="1" t="s">
        <v>75</v>
      </c>
      <c r="S8" s="1" t="s">
        <v>76</v>
      </c>
      <c r="T8" s="1" t="s">
        <v>41</v>
      </c>
      <c r="U8" s="1">
        <v>9.1999999999999993</v>
      </c>
      <c r="V8" s="3">
        <v>33</v>
      </c>
      <c r="W8" s="1"/>
      <c r="X8" s="1">
        <v>0.81</v>
      </c>
      <c r="Y8" s="1">
        <v>5.0999999999999997E-2</v>
      </c>
      <c r="Z8" s="1">
        <v>3.8E-3</v>
      </c>
      <c r="AA8" s="1" t="s">
        <v>971</v>
      </c>
      <c r="AB8" s="1" t="s">
        <v>971</v>
      </c>
      <c r="AC8" s="1" t="s">
        <v>923</v>
      </c>
      <c r="AD8" s="1" t="s">
        <v>924</v>
      </c>
      <c r="AE8" s="1" t="s">
        <v>925</v>
      </c>
      <c r="AF8" s="1" t="s">
        <v>926</v>
      </c>
      <c r="AG8" s="1" t="s">
        <v>927</v>
      </c>
      <c r="AH8" s="1" t="s">
        <v>925</v>
      </c>
      <c r="AI8" s="1"/>
      <c r="AJ8" s="1"/>
      <c r="AK8" s="1"/>
      <c r="AL8" s="1" t="s">
        <v>928</v>
      </c>
      <c r="AM8" s="1"/>
      <c r="AN8" s="1"/>
      <c r="AO8" s="1"/>
      <c r="AP8" t="s">
        <v>928</v>
      </c>
      <c r="AQ8" s="1"/>
      <c r="AR8" s="1" t="s">
        <v>928</v>
      </c>
      <c r="AS8" s="1" t="s">
        <v>928</v>
      </c>
      <c r="AT8" s="1"/>
      <c r="AU8" s="1"/>
      <c r="AV8" s="1"/>
      <c r="AW8" s="1"/>
      <c r="AX8" s="1"/>
      <c r="AY8" s="1"/>
      <c r="AZ8" s="1" t="s">
        <v>936</v>
      </c>
      <c r="BA8" s="1" t="s">
        <v>926</v>
      </c>
      <c r="BB8" s="1">
        <v>0.01</v>
      </c>
      <c r="BC8" s="1">
        <v>0.56000000000000005</v>
      </c>
      <c r="BD8" s="1">
        <v>0.61</v>
      </c>
      <c r="BE8" s="1"/>
      <c r="BF8" s="1"/>
      <c r="BG8" s="1"/>
      <c r="BH8" s="1"/>
      <c r="BI8" s="1"/>
      <c r="BJ8" s="1"/>
      <c r="BK8" s="1"/>
      <c r="BL8" s="1"/>
      <c r="BM8" s="1">
        <v>0.09</v>
      </c>
      <c r="BN8" s="1">
        <v>4.2999999999999997E-2</v>
      </c>
      <c r="BO8" s="1">
        <v>14</v>
      </c>
      <c r="BP8" s="1">
        <v>5.9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6111111111111116</v>
      </c>
      <c r="C9" s="1" t="s">
        <v>885</v>
      </c>
      <c r="D9" s="1" t="s">
        <v>68</v>
      </c>
      <c r="E9" s="1" t="s">
        <v>887</v>
      </c>
      <c r="F9" s="1" t="s">
        <v>77</v>
      </c>
      <c r="G9" s="1" t="s">
        <v>78</v>
      </c>
      <c r="I9" s="1" t="s">
        <v>79</v>
      </c>
      <c r="J9" s="1" t="s">
        <v>80</v>
      </c>
      <c r="K9" s="1" t="s">
        <v>81</v>
      </c>
      <c r="L9" s="1" t="s">
        <v>34</v>
      </c>
      <c r="N9" s="1" t="s">
        <v>35</v>
      </c>
      <c r="O9" s="1" t="s">
        <v>74</v>
      </c>
      <c r="P9" s="1" t="s">
        <v>56</v>
      </c>
      <c r="Q9" s="1" t="s">
        <v>57</v>
      </c>
      <c r="R9" s="1" t="s">
        <v>82</v>
      </c>
      <c r="S9" s="1" t="s">
        <v>83</v>
      </c>
      <c r="T9" s="1" t="s">
        <v>41</v>
      </c>
      <c r="U9" s="1">
        <v>9.1</v>
      </c>
      <c r="V9" s="1"/>
      <c r="W9" s="1"/>
      <c r="X9" s="1"/>
      <c r="Y9" s="1"/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611111111111111</v>
      </c>
      <c r="C10" s="1" t="s">
        <v>885</v>
      </c>
      <c r="D10" s="1" t="s">
        <v>68</v>
      </c>
      <c r="E10" s="1" t="s">
        <v>28</v>
      </c>
      <c r="F10" s="1" t="s">
        <v>85</v>
      </c>
      <c r="G10" s="1" t="s">
        <v>86</v>
      </c>
      <c r="I10" s="1" t="s">
        <v>87</v>
      </c>
      <c r="J10" s="1" t="s">
        <v>88</v>
      </c>
      <c r="K10" s="1" t="s">
        <v>89</v>
      </c>
      <c r="L10" s="1" t="s">
        <v>90</v>
      </c>
      <c r="N10" s="1" t="s">
        <v>35</v>
      </c>
      <c r="O10" s="1" t="s">
        <v>36</v>
      </c>
      <c r="P10" s="1" t="s">
        <v>56</v>
      </c>
      <c r="Q10" s="1" t="s">
        <v>91</v>
      </c>
      <c r="R10" s="1" t="s">
        <v>58</v>
      </c>
      <c r="S10" s="1" t="s">
        <v>92</v>
      </c>
      <c r="T10" s="1" t="s">
        <v>59</v>
      </c>
      <c r="U10" s="1">
        <v>10.3</v>
      </c>
      <c r="V10" s="3">
        <v>33</v>
      </c>
      <c r="W10" s="1"/>
      <c r="X10" s="1">
        <v>0.74</v>
      </c>
      <c r="Y10" s="1">
        <v>2.1999999999999999E-2</v>
      </c>
      <c r="Z10" s="1">
        <v>5.4999999999999997E-3</v>
      </c>
      <c r="AA10" s="1" t="s">
        <v>971</v>
      </c>
      <c r="AB10" s="1" t="s">
        <v>971</v>
      </c>
      <c r="AC10" s="1"/>
      <c r="AD10" s="1" t="s">
        <v>924</v>
      </c>
      <c r="AE10" s="1" t="s">
        <v>925</v>
      </c>
      <c r="AF10" s="1"/>
      <c r="AG10" s="1" t="s">
        <v>927</v>
      </c>
      <c r="AH10" s="1" t="s">
        <v>925</v>
      </c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925</v>
      </c>
      <c r="AV10" s="1" t="s">
        <v>923</v>
      </c>
      <c r="AW10" s="1" t="s">
        <v>923</v>
      </c>
      <c r="AX10" s="1"/>
      <c r="AY10" s="1"/>
      <c r="AZ10" s="1"/>
      <c r="BA10" s="1"/>
      <c r="BB10" s="1">
        <v>0.01</v>
      </c>
      <c r="BC10" s="1">
        <v>0.53</v>
      </c>
      <c r="BD10" s="1">
        <v>0.57999999999999996</v>
      </c>
      <c r="BE10" s="1"/>
      <c r="BF10" s="1"/>
      <c r="BG10" s="1"/>
      <c r="BH10" s="1"/>
      <c r="BI10" s="1"/>
      <c r="BJ10" s="1"/>
      <c r="BK10" s="1"/>
      <c r="BL10" s="1" t="s">
        <v>931</v>
      </c>
      <c r="BM10" s="1"/>
      <c r="BN10" s="1"/>
      <c r="BO10" s="1">
        <v>15</v>
      </c>
      <c r="BP10" s="1">
        <v>7.6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6458333333333337</v>
      </c>
      <c r="C11" s="1" t="s">
        <v>885</v>
      </c>
      <c r="D11" s="1" t="s">
        <v>68</v>
      </c>
      <c r="E11" s="1" t="s">
        <v>28</v>
      </c>
      <c r="F11" s="1" t="s">
        <v>93</v>
      </c>
      <c r="G11" s="1" t="s">
        <v>94</v>
      </c>
      <c r="I11" s="1" t="s">
        <v>95</v>
      </c>
      <c r="J11" s="1" t="s">
        <v>96</v>
      </c>
      <c r="K11" s="1" t="s">
        <v>97</v>
      </c>
      <c r="L11" s="1" t="s">
        <v>98</v>
      </c>
      <c r="N11" s="1" t="s">
        <v>35</v>
      </c>
      <c r="O11" s="1" t="s">
        <v>36</v>
      </c>
      <c r="P11" s="1" t="s">
        <v>56</v>
      </c>
      <c r="Q11" s="1" t="s">
        <v>99</v>
      </c>
      <c r="R11" s="1" t="s">
        <v>58</v>
      </c>
      <c r="S11" s="1" t="s">
        <v>92</v>
      </c>
      <c r="T11" s="1" t="s">
        <v>41</v>
      </c>
      <c r="U11" s="1">
        <v>10.7</v>
      </c>
      <c r="V11" s="1"/>
      <c r="W11" s="1"/>
      <c r="X11" s="1"/>
      <c r="Y11" s="1"/>
      <c r="Z11" s="1"/>
      <c r="AA11" s="1" t="s">
        <v>971</v>
      </c>
      <c r="AB11" s="1" t="s">
        <v>97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4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0</v>
      </c>
      <c r="B12" s="2">
        <v>0.3034722222222222</v>
      </c>
      <c r="C12" s="1" t="s">
        <v>885</v>
      </c>
      <c r="D12" s="1" t="s">
        <v>27</v>
      </c>
      <c r="E12" s="1" t="s">
        <v>28</v>
      </c>
      <c r="F12" s="1" t="s">
        <v>101</v>
      </c>
      <c r="G12" s="1" t="s">
        <v>102</v>
      </c>
      <c r="I12" s="1" t="s">
        <v>103</v>
      </c>
      <c r="J12" s="1" t="s">
        <v>104</v>
      </c>
      <c r="K12" s="1" t="s">
        <v>105</v>
      </c>
      <c r="L12" s="1" t="s">
        <v>106</v>
      </c>
      <c r="N12" s="1" t="s">
        <v>35</v>
      </c>
      <c r="O12" s="1" t="s">
        <v>107</v>
      </c>
      <c r="P12" s="1" t="s">
        <v>56</v>
      </c>
      <c r="Q12" s="1" t="s">
        <v>108</v>
      </c>
      <c r="R12" s="1" t="s">
        <v>109</v>
      </c>
      <c r="S12" s="1" t="s">
        <v>92</v>
      </c>
      <c r="T12" s="1" t="s">
        <v>110</v>
      </c>
      <c r="U12" s="1">
        <v>9</v>
      </c>
      <c r="V12" s="3">
        <v>230</v>
      </c>
      <c r="W12" s="1" t="s">
        <v>929</v>
      </c>
      <c r="X12" s="1">
        <v>0.94</v>
      </c>
      <c r="Y12" s="1">
        <v>3.4000000000000002E-2</v>
      </c>
      <c r="Z12" s="1">
        <v>4.4000000000000003E-3</v>
      </c>
      <c r="AA12" s="1" t="s">
        <v>970</v>
      </c>
      <c r="AB12" s="1" t="s">
        <v>940</v>
      </c>
      <c r="AC12" s="1" t="s">
        <v>923</v>
      </c>
      <c r="AD12" s="1" t="s">
        <v>924</v>
      </c>
      <c r="AE12" s="1" t="s">
        <v>925</v>
      </c>
      <c r="AF12" s="1" t="s">
        <v>926</v>
      </c>
      <c r="AG12" s="1" t="s">
        <v>927</v>
      </c>
      <c r="AH12" s="1" t="s">
        <v>925</v>
      </c>
      <c r="AI12" s="1"/>
      <c r="AJ12" s="1"/>
      <c r="AK12" s="1" t="s">
        <v>928</v>
      </c>
      <c r="AL12" s="1" t="s">
        <v>928</v>
      </c>
      <c r="AM12" s="1" t="s">
        <v>928</v>
      </c>
      <c r="AN12" s="1" t="s">
        <v>928</v>
      </c>
      <c r="AO12" s="1" t="s">
        <v>928</v>
      </c>
      <c r="AP12" t="s">
        <v>928</v>
      </c>
      <c r="AQ12" s="1" t="s">
        <v>928</v>
      </c>
      <c r="AR12" s="1" t="s">
        <v>928</v>
      </c>
      <c r="AS12" s="1" t="s">
        <v>928</v>
      </c>
      <c r="AT12" s="1" t="s">
        <v>930</v>
      </c>
      <c r="AU12" s="1"/>
      <c r="AV12" s="1"/>
      <c r="AW12" s="1"/>
      <c r="AX12" s="1" t="s">
        <v>928</v>
      </c>
      <c r="AY12" s="1" t="s">
        <v>937</v>
      </c>
      <c r="AZ12" s="1" t="s">
        <v>936</v>
      </c>
      <c r="BA12" s="1" t="s">
        <v>926</v>
      </c>
      <c r="BB12" s="1">
        <v>0.01</v>
      </c>
      <c r="BC12" s="1">
        <v>0.73</v>
      </c>
      <c r="BD12" s="1">
        <v>0.78</v>
      </c>
      <c r="BE12" s="1" t="s">
        <v>927</v>
      </c>
      <c r="BF12" s="1" t="s">
        <v>927</v>
      </c>
      <c r="BG12" s="1">
        <v>1.5E-3</v>
      </c>
      <c r="BH12" s="1">
        <v>0.03</v>
      </c>
      <c r="BI12" s="1" t="s">
        <v>924</v>
      </c>
      <c r="BJ12" s="1"/>
      <c r="BK12" s="1"/>
      <c r="BL12" s="1"/>
      <c r="BM12" s="1" t="s">
        <v>945</v>
      </c>
      <c r="BN12" s="1">
        <v>1.9E-2</v>
      </c>
      <c r="BO12" s="1">
        <v>18</v>
      </c>
      <c r="BP12" s="1">
        <v>5.4</v>
      </c>
      <c r="BQ12" s="1"/>
      <c r="BR12" s="1" t="s">
        <v>946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9375000000000007</v>
      </c>
      <c r="C13" s="1" t="s">
        <v>885</v>
      </c>
      <c r="D13" s="1" t="s">
        <v>68</v>
      </c>
      <c r="E13" s="1" t="s">
        <v>28</v>
      </c>
      <c r="F13" s="1" t="s">
        <v>111</v>
      </c>
      <c r="G13" s="1" t="s">
        <v>102</v>
      </c>
      <c r="I13" s="1" t="s">
        <v>112</v>
      </c>
      <c r="J13" s="1" t="s">
        <v>113</v>
      </c>
      <c r="K13" s="1" t="s">
        <v>114</v>
      </c>
      <c r="L13" s="1" t="s">
        <v>115</v>
      </c>
      <c r="N13" s="1" t="s">
        <v>35</v>
      </c>
      <c r="O13" s="1" t="s">
        <v>116</v>
      </c>
      <c r="P13" s="1" t="s">
        <v>56</v>
      </c>
      <c r="Q13" s="1" t="s">
        <v>117</v>
      </c>
      <c r="R13" s="1" t="s">
        <v>118</v>
      </c>
      <c r="S13" s="1" t="s">
        <v>40</v>
      </c>
      <c r="T13" s="1" t="s">
        <v>110</v>
      </c>
      <c r="U13" s="1">
        <v>8.4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5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9</v>
      </c>
      <c r="B14" s="2">
        <v>0.375</v>
      </c>
      <c r="C14" s="1" t="s">
        <v>885</v>
      </c>
      <c r="D14" s="1" t="s">
        <v>27</v>
      </c>
      <c r="E14" s="1" t="s">
        <v>887</v>
      </c>
      <c r="F14" s="1" t="s">
        <v>120</v>
      </c>
      <c r="G14" s="1" t="s">
        <v>121</v>
      </c>
      <c r="I14" s="1" t="s">
        <v>122</v>
      </c>
      <c r="J14" s="1" t="s">
        <v>123</v>
      </c>
      <c r="K14" s="1" t="s">
        <v>124</v>
      </c>
      <c r="L14" s="1" t="s">
        <v>125</v>
      </c>
      <c r="N14" s="1" t="s">
        <v>35</v>
      </c>
      <c r="O14" s="1" t="s">
        <v>107</v>
      </c>
      <c r="P14" s="1" t="s">
        <v>56</v>
      </c>
      <c r="Q14" s="1" t="s">
        <v>57</v>
      </c>
      <c r="R14" s="1" t="s">
        <v>109</v>
      </c>
      <c r="S14" s="1" t="s">
        <v>83</v>
      </c>
      <c r="T14" s="1" t="s">
        <v>126</v>
      </c>
      <c r="U14" s="1">
        <v>8.6</v>
      </c>
      <c r="V14" s="3">
        <v>79</v>
      </c>
      <c r="W14" s="1"/>
      <c r="X14" s="1">
        <v>0.83</v>
      </c>
      <c r="Y14" s="1">
        <v>4.3999999999999997E-2</v>
      </c>
      <c r="Z14" s="1">
        <v>3.8E-3</v>
      </c>
      <c r="AA14" s="1"/>
      <c r="AB14" s="1"/>
      <c r="AC14" s="1"/>
      <c r="AD14" s="1" t="s">
        <v>924</v>
      </c>
      <c r="AE14" s="1" t="s">
        <v>925</v>
      </c>
      <c r="AF14" s="1"/>
      <c r="AG14" s="1" t="s">
        <v>927</v>
      </c>
      <c r="AH14" s="1" t="s">
        <v>925</v>
      </c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73</v>
      </c>
      <c r="BD14" s="1">
        <v>0.78</v>
      </c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2</v>
      </c>
      <c r="BP14" s="1">
        <v>3.3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6458333333333337</v>
      </c>
      <c r="C15" s="1" t="s">
        <v>885</v>
      </c>
      <c r="D15" s="1" t="s">
        <v>27</v>
      </c>
      <c r="E15" s="1" t="s">
        <v>887</v>
      </c>
      <c r="F15" s="1" t="s">
        <v>121</v>
      </c>
      <c r="G15" s="1" t="s">
        <v>127</v>
      </c>
      <c r="I15" s="1" t="s">
        <v>128</v>
      </c>
      <c r="J15" s="1" t="s">
        <v>129</v>
      </c>
      <c r="K15" s="1" t="s">
        <v>130</v>
      </c>
      <c r="L15" s="1" t="s">
        <v>131</v>
      </c>
      <c r="N15" s="1" t="s">
        <v>35</v>
      </c>
      <c r="O15" s="1" t="s">
        <v>107</v>
      </c>
      <c r="P15" s="1" t="s">
        <v>56</v>
      </c>
      <c r="Q15" s="1" t="s">
        <v>117</v>
      </c>
      <c r="R15" s="1" t="s">
        <v>132</v>
      </c>
      <c r="S15" s="1" t="s">
        <v>48</v>
      </c>
      <c r="T15" s="1" t="s">
        <v>110</v>
      </c>
      <c r="U15" s="1">
        <v>8.8000000000000007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2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3</v>
      </c>
      <c r="B16" s="2">
        <v>0.38194444444444442</v>
      </c>
      <c r="C16" s="1" t="s">
        <v>885</v>
      </c>
      <c r="D16" s="1" t="s">
        <v>27</v>
      </c>
      <c r="E16" s="1" t="s">
        <v>28</v>
      </c>
      <c r="F16" s="1" t="s">
        <v>134</v>
      </c>
      <c r="G16" s="1" t="s">
        <v>135</v>
      </c>
      <c r="I16" s="1" t="s">
        <v>136</v>
      </c>
      <c r="J16" s="1" t="s">
        <v>32</v>
      </c>
      <c r="K16" s="1" t="s">
        <v>137</v>
      </c>
      <c r="L16" s="1" t="s">
        <v>138</v>
      </c>
      <c r="N16" s="1" t="s">
        <v>35</v>
      </c>
      <c r="O16" s="1" t="s">
        <v>116</v>
      </c>
      <c r="P16" s="1" t="s">
        <v>56</v>
      </c>
      <c r="Q16" s="1" t="s">
        <v>99</v>
      </c>
      <c r="R16" s="1" t="s">
        <v>109</v>
      </c>
      <c r="S16" s="1" t="s">
        <v>82</v>
      </c>
      <c r="T16" s="1" t="s">
        <v>126</v>
      </c>
      <c r="U16" s="1">
        <v>10</v>
      </c>
      <c r="V16" s="3">
        <v>79</v>
      </c>
      <c r="W16" s="1"/>
      <c r="X16" s="1">
        <v>1</v>
      </c>
      <c r="Y16" s="1">
        <v>0.05</v>
      </c>
      <c r="Z16" s="1">
        <v>3.7000000000000002E-3</v>
      </c>
      <c r="AA16" s="1"/>
      <c r="AB16" s="1"/>
      <c r="AC16" s="1" t="s">
        <v>923</v>
      </c>
      <c r="AD16" s="1" t="s">
        <v>924</v>
      </c>
      <c r="AE16" s="1" t="s">
        <v>925</v>
      </c>
      <c r="AF16" s="1" t="s">
        <v>926</v>
      </c>
      <c r="AG16" s="1" t="s">
        <v>927</v>
      </c>
      <c r="AH16" s="1" t="s">
        <v>925</v>
      </c>
      <c r="AI16" s="1"/>
      <c r="AJ16" s="1"/>
      <c r="AK16" s="1"/>
      <c r="AL16" s="1" t="s">
        <v>928</v>
      </c>
      <c r="AM16" s="1"/>
      <c r="AN16" s="1"/>
      <c r="AO16" s="1"/>
      <c r="AP16" t="s">
        <v>928</v>
      </c>
      <c r="AQ16" s="1"/>
      <c r="AR16" s="1" t="s">
        <v>928</v>
      </c>
      <c r="AS16" s="1" t="s">
        <v>928</v>
      </c>
      <c r="AT16" s="1"/>
      <c r="AU16" s="1"/>
      <c r="AV16" s="1"/>
      <c r="AW16" s="1"/>
      <c r="AX16" s="1"/>
      <c r="AY16" s="1"/>
      <c r="AZ16" s="1" t="s">
        <v>936</v>
      </c>
      <c r="BA16" s="1" t="s">
        <v>926</v>
      </c>
      <c r="BB16" s="1" t="s">
        <v>924</v>
      </c>
      <c r="BC16" s="1">
        <v>0.87</v>
      </c>
      <c r="BD16" s="1">
        <v>0.92</v>
      </c>
      <c r="BE16" s="1"/>
      <c r="BF16" s="1"/>
      <c r="BG16" s="1"/>
      <c r="BH16" s="1"/>
      <c r="BI16" s="1"/>
      <c r="BJ16" s="1"/>
      <c r="BK16" s="1"/>
      <c r="BL16" s="1"/>
      <c r="BM16" s="1" t="s">
        <v>945</v>
      </c>
      <c r="BN16" s="1">
        <v>0.03</v>
      </c>
      <c r="BO16" s="1">
        <v>13</v>
      </c>
      <c r="BP16" s="1">
        <v>3.6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7152777777777779</v>
      </c>
      <c r="C17" s="1" t="s">
        <v>885</v>
      </c>
      <c r="D17" s="1" t="s">
        <v>27</v>
      </c>
      <c r="E17" s="1" t="s">
        <v>28</v>
      </c>
      <c r="F17" s="1" t="s">
        <v>139</v>
      </c>
      <c r="G17" s="1" t="s">
        <v>140</v>
      </c>
      <c r="I17" s="1" t="s">
        <v>141</v>
      </c>
      <c r="J17" s="1" t="s">
        <v>142</v>
      </c>
      <c r="K17" s="1" t="s">
        <v>143</v>
      </c>
      <c r="L17" s="1" t="s">
        <v>138</v>
      </c>
      <c r="N17" s="1" t="s">
        <v>35</v>
      </c>
      <c r="O17" s="1" t="s">
        <v>116</v>
      </c>
      <c r="P17" s="1" t="s">
        <v>56</v>
      </c>
      <c r="Q17" s="1" t="s">
        <v>144</v>
      </c>
      <c r="R17" s="1" t="s">
        <v>118</v>
      </c>
      <c r="S17" s="1" t="s">
        <v>83</v>
      </c>
      <c r="T17" s="1" t="s">
        <v>145</v>
      </c>
      <c r="U17" s="1">
        <v>9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6</v>
      </c>
      <c r="B18" s="2">
        <v>0.34027777777777773</v>
      </c>
      <c r="C18" s="1" t="s">
        <v>885</v>
      </c>
      <c r="D18" s="1" t="s">
        <v>68</v>
      </c>
      <c r="E18" s="1" t="s">
        <v>28</v>
      </c>
      <c r="F18" s="1" t="s">
        <v>147</v>
      </c>
      <c r="G18" s="1" t="s">
        <v>139</v>
      </c>
      <c r="I18" s="1" t="s">
        <v>148</v>
      </c>
      <c r="J18" s="1" t="s">
        <v>149</v>
      </c>
      <c r="K18" s="1" t="s">
        <v>150</v>
      </c>
      <c r="L18" s="1" t="s">
        <v>151</v>
      </c>
      <c r="N18" s="1" t="s">
        <v>35</v>
      </c>
      <c r="O18" s="1" t="s">
        <v>107</v>
      </c>
      <c r="P18" s="1" t="s">
        <v>56</v>
      </c>
      <c r="Q18" s="1" t="s">
        <v>144</v>
      </c>
      <c r="R18" s="1" t="s">
        <v>152</v>
      </c>
      <c r="S18" s="1" t="s">
        <v>48</v>
      </c>
      <c r="T18" s="1" t="s">
        <v>126</v>
      </c>
      <c r="U18" s="1">
        <v>10.1</v>
      </c>
      <c r="V18" s="3">
        <v>170</v>
      </c>
      <c r="W18" s="1"/>
      <c r="X18" s="1">
        <v>1</v>
      </c>
      <c r="Y18" s="1">
        <v>5.7000000000000002E-2</v>
      </c>
      <c r="Z18" s="1">
        <v>4.7999999999999996E-3</v>
      </c>
      <c r="AA18" s="1" t="s">
        <v>970</v>
      </c>
      <c r="AB18" s="1" t="s">
        <v>940</v>
      </c>
      <c r="AC18" s="1"/>
      <c r="AD18" s="1" t="s">
        <v>924</v>
      </c>
      <c r="AE18" s="1" t="s">
        <v>925</v>
      </c>
      <c r="AF18" s="1"/>
      <c r="AG18" s="1" t="s">
        <v>927</v>
      </c>
      <c r="AH18" s="1" t="s">
        <v>925</v>
      </c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1</v>
      </c>
      <c r="BC18" s="1">
        <v>0.86</v>
      </c>
      <c r="BD18" s="1">
        <v>0.91</v>
      </c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5</v>
      </c>
      <c r="BP18" s="1">
        <v>6.2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3194444444444438</v>
      </c>
      <c r="C19" s="1" t="s">
        <v>885</v>
      </c>
      <c r="D19" s="1" t="s">
        <v>153</v>
      </c>
      <c r="E19" s="1" t="s">
        <v>28</v>
      </c>
      <c r="F19" s="1" t="s">
        <v>154</v>
      </c>
      <c r="G19" s="1" t="s">
        <v>155</v>
      </c>
      <c r="I19" s="1" t="s">
        <v>156</v>
      </c>
      <c r="J19" s="1" t="s">
        <v>157</v>
      </c>
      <c r="K19" s="1" t="s">
        <v>158</v>
      </c>
      <c r="L19" s="1" t="s">
        <v>115</v>
      </c>
      <c r="N19" s="1" t="s">
        <v>35</v>
      </c>
      <c r="O19" s="1" t="s">
        <v>107</v>
      </c>
      <c r="P19" s="1" t="s">
        <v>56</v>
      </c>
      <c r="Q19" s="1" t="s">
        <v>108</v>
      </c>
      <c r="R19" s="1" t="s">
        <v>159</v>
      </c>
      <c r="S19" s="1" t="s">
        <v>160</v>
      </c>
      <c r="T19" s="1" t="s">
        <v>126</v>
      </c>
      <c r="U19" s="1">
        <v>9.6999999999999993</v>
      </c>
      <c r="V19" s="1"/>
      <c r="W19" s="1"/>
      <c r="X19" s="1"/>
      <c r="Y19" s="1"/>
      <c r="Z19" s="1"/>
      <c r="AA19" s="1" t="s">
        <v>971</v>
      </c>
      <c r="AB19" s="1" t="s">
        <v>97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6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1</v>
      </c>
      <c r="B20" s="2">
        <v>0.34027777777777773</v>
      </c>
      <c r="C20" s="1" t="s">
        <v>885</v>
      </c>
      <c r="D20" s="1" t="s">
        <v>68</v>
      </c>
      <c r="E20" s="1" t="s">
        <v>887</v>
      </c>
      <c r="F20" s="1" t="s">
        <v>162</v>
      </c>
      <c r="G20" s="1" t="s">
        <v>162</v>
      </c>
      <c r="I20" s="1" t="s">
        <v>163</v>
      </c>
      <c r="J20" s="1" t="s">
        <v>164</v>
      </c>
      <c r="K20" s="1" t="s">
        <v>165</v>
      </c>
      <c r="L20" s="1" t="s">
        <v>166</v>
      </c>
      <c r="N20" s="1" t="s">
        <v>35</v>
      </c>
      <c r="O20" s="1" t="s">
        <v>107</v>
      </c>
      <c r="P20" s="1" t="s">
        <v>56</v>
      </c>
      <c r="Q20" s="1" t="s">
        <v>144</v>
      </c>
      <c r="R20" s="1" t="s">
        <v>132</v>
      </c>
      <c r="S20" s="1" t="s">
        <v>48</v>
      </c>
      <c r="T20" s="1" t="s">
        <v>110</v>
      </c>
      <c r="U20" s="1">
        <v>10.199999999999999</v>
      </c>
      <c r="V20" s="3">
        <v>33</v>
      </c>
      <c r="W20" s="1"/>
      <c r="X20" s="1">
        <v>1</v>
      </c>
      <c r="Y20" s="1">
        <v>0.06</v>
      </c>
      <c r="Z20" s="1">
        <v>2.2000000000000001E-3</v>
      </c>
      <c r="AA20" s="1" t="s">
        <v>971</v>
      </c>
      <c r="AB20" s="1" t="s">
        <v>971</v>
      </c>
      <c r="AC20" s="1" t="s">
        <v>923</v>
      </c>
      <c r="AD20" s="1" t="s">
        <v>924</v>
      </c>
      <c r="AE20" s="1" t="s">
        <v>925</v>
      </c>
      <c r="AF20" s="1" t="s">
        <v>926</v>
      </c>
      <c r="AG20" s="1" t="s">
        <v>927</v>
      </c>
      <c r="AH20" s="1" t="s">
        <v>925</v>
      </c>
      <c r="AI20" s="1"/>
      <c r="AJ20" s="1"/>
      <c r="AK20" s="1"/>
      <c r="AL20" s="1" t="s">
        <v>928</v>
      </c>
      <c r="AM20" s="1"/>
      <c r="AN20" s="1"/>
      <c r="AO20" s="1"/>
      <c r="AP20" t="s">
        <v>928</v>
      </c>
      <c r="AQ20" s="1"/>
      <c r="AR20" s="1" t="s">
        <v>928</v>
      </c>
      <c r="AS20" s="1" t="s">
        <v>928</v>
      </c>
      <c r="AT20" s="1"/>
      <c r="AU20" s="1"/>
      <c r="AV20" s="1"/>
      <c r="AW20" s="1"/>
      <c r="AX20" s="1"/>
      <c r="AY20" s="1"/>
      <c r="AZ20" s="1" t="s">
        <v>936</v>
      </c>
      <c r="BA20" s="1" t="s">
        <v>926</v>
      </c>
      <c r="BB20" s="1">
        <v>0.01</v>
      </c>
      <c r="BC20" s="1">
        <v>0.91</v>
      </c>
      <c r="BD20" s="1">
        <v>0.96</v>
      </c>
      <c r="BE20" s="1"/>
      <c r="BF20" s="1"/>
      <c r="BG20" s="1"/>
      <c r="BH20" s="1"/>
      <c r="BI20" s="1"/>
      <c r="BJ20" s="1"/>
      <c r="BK20" s="1"/>
      <c r="BL20" s="1"/>
      <c r="BM20" s="1" t="s">
        <v>945</v>
      </c>
      <c r="BN20" s="1">
        <v>3.7999999999999999E-2</v>
      </c>
      <c r="BO20" s="1">
        <v>15</v>
      </c>
      <c r="BP20" s="1">
        <v>4.5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2916666666666661</v>
      </c>
      <c r="C21" s="1" t="s">
        <v>885</v>
      </c>
      <c r="D21" s="1" t="s">
        <v>68</v>
      </c>
      <c r="E21" s="1" t="s">
        <v>887</v>
      </c>
      <c r="F21" s="1" t="s">
        <v>167</v>
      </c>
      <c r="G21" s="1" t="s">
        <v>168</v>
      </c>
      <c r="I21" s="1" t="s">
        <v>169</v>
      </c>
      <c r="J21" s="1" t="s">
        <v>164</v>
      </c>
      <c r="K21" s="1" t="s">
        <v>170</v>
      </c>
      <c r="L21" s="1" t="s">
        <v>166</v>
      </c>
      <c r="N21" s="1" t="s">
        <v>35</v>
      </c>
      <c r="O21" s="1" t="s">
        <v>107</v>
      </c>
      <c r="P21" s="1" t="s">
        <v>56</v>
      </c>
      <c r="Q21" s="1" t="s">
        <v>117</v>
      </c>
      <c r="R21" s="1" t="s">
        <v>152</v>
      </c>
      <c r="S21" s="1" t="s">
        <v>48</v>
      </c>
      <c r="T21" s="1" t="s">
        <v>126</v>
      </c>
      <c r="U21" s="1">
        <v>10.199999999999999</v>
      </c>
      <c r="V21" s="1"/>
      <c r="W21" s="1"/>
      <c r="X21" s="1"/>
      <c r="Y21" s="1"/>
      <c r="Z21" s="1"/>
      <c r="AA21" s="1" t="s">
        <v>971</v>
      </c>
      <c r="AB21" s="1" t="s">
        <v>97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6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1</v>
      </c>
      <c r="B22" s="2">
        <v>0.33611111111111108</v>
      </c>
      <c r="C22" s="1" t="s">
        <v>885</v>
      </c>
      <c r="D22" s="1" t="s">
        <v>27</v>
      </c>
      <c r="E22" s="1" t="s">
        <v>28</v>
      </c>
      <c r="F22" s="1" t="s">
        <v>172</v>
      </c>
      <c r="G22" s="1" t="s">
        <v>91</v>
      </c>
      <c r="I22" s="1" t="s">
        <v>173</v>
      </c>
      <c r="J22" s="1" t="s">
        <v>174</v>
      </c>
      <c r="K22" s="1" t="s">
        <v>175</v>
      </c>
      <c r="L22" s="1" t="s">
        <v>176</v>
      </c>
      <c r="N22" s="1" t="s">
        <v>35</v>
      </c>
      <c r="O22" s="1" t="s">
        <v>107</v>
      </c>
      <c r="P22" s="1" t="s">
        <v>56</v>
      </c>
      <c r="Q22" s="1" t="s">
        <v>57</v>
      </c>
      <c r="R22" s="1" t="s">
        <v>177</v>
      </c>
      <c r="S22" s="1" t="s">
        <v>160</v>
      </c>
      <c r="T22" s="1" t="s">
        <v>126</v>
      </c>
      <c r="U22" s="1">
        <v>11.2</v>
      </c>
      <c r="V22" s="3">
        <v>23</v>
      </c>
      <c r="W22" s="1"/>
      <c r="X22" s="1">
        <v>1</v>
      </c>
      <c r="Y22" s="1">
        <v>5.0999999999999997E-2</v>
      </c>
      <c r="Z22" s="1">
        <v>2.3999999999999998E-3</v>
      </c>
      <c r="AA22" s="1" t="s">
        <v>971</v>
      </c>
      <c r="AB22" s="1" t="s">
        <v>971</v>
      </c>
      <c r="AC22" s="1"/>
      <c r="AD22" s="1" t="s">
        <v>924</v>
      </c>
      <c r="AE22" s="1" t="s">
        <v>925</v>
      </c>
      <c r="AF22" s="1"/>
      <c r="AG22" s="1" t="s">
        <v>927</v>
      </c>
      <c r="AH22" s="1" t="s">
        <v>925</v>
      </c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1</v>
      </c>
      <c r="BC22" s="1">
        <v>0.93</v>
      </c>
      <c r="BD22" s="1">
        <v>0.98</v>
      </c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6</v>
      </c>
      <c r="BP22" s="1">
        <v>5.0999999999999996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1944444444444453</v>
      </c>
      <c r="C23" s="1" t="s">
        <v>885</v>
      </c>
      <c r="D23" s="1" t="s">
        <v>27</v>
      </c>
      <c r="E23" s="1" t="s">
        <v>28</v>
      </c>
      <c r="F23" s="1" t="s">
        <v>172</v>
      </c>
      <c r="G23" s="1" t="s">
        <v>178</v>
      </c>
      <c r="I23" s="1" t="s">
        <v>179</v>
      </c>
      <c r="J23" s="1" t="s">
        <v>142</v>
      </c>
      <c r="K23" s="1" t="s">
        <v>180</v>
      </c>
      <c r="L23" s="1" t="s">
        <v>151</v>
      </c>
      <c r="N23" s="1" t="s">
        <v>35</v>
      </c>
      <c r="O23" s="1" t="s">
        <v>107</v>
      </c>
      <c r="P23" s="1" t="s">
        <v>56</v>
      </c>
      <c r="Q23" s="1" t="s">
        <v>144</v>
      </c>
      <c r="R23" s="1" t="s">
        <v>109</v>
      </c>
      <c r="S23" s="1" t="s">
        <v>92</v>
      </c>
      <c r="T23" s="1" t="s">
        <v>181</v>
      </c>
      <c r="U23" s="1">
        <v>10.8</v>
      </c>
      <c r="V23" s="1"/>
      <c r="W23" s="1"/>
      <c r="X23" s="1"/>
      <c r="Y23" s="1"/>
      <c r="Z23" s="1"/>
      <c r="AA23" s="1" t="s">
        <v>971</v>
      </c>
      <c r="AB23" s="1" t="s">
        <v>971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6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2</v>
      </c>
      <c r="B24" s="2">
        <v>0.38194444444444442</v>
      </c>
      <c r="C24" s="1" t="s">
        <v>888</v>
      </c>
      <c r="D24" s="1" t="s">
        <v>27</v>
      </c>
      <c r="E24" s="1" t="s">
        <v>887</v>
      </c>
      <c r="F24" s="1" t="s">
        <v>183</v>
      </c>
      <c r="G24" s="1" t="s">
        <v>108</v>
      </c>
      <c r="I24" s="1" t="s">
        <v>184</v>
      </c>
      <c r="J24" s="1" t="s">
        <v>185</v>
      </c>
      <c r="K24" s="1" t="s">
        <v>186</v>
      </c>
      <c r="L24" s="1" t="s">
        <v>166</v>
      </c>
      <c r="N24" s="1" t="s">
        <v>35</v>
      </c>
      <c r="O24" s="1" t="s">
        <v>187</v>
      </c>
      <c r="P24" s="1" t="s">
        <v>56</v>
      </c>
      <c r="Q24" s="1" t="s">
        <v>188</v>
      </c>
      <c r="R24" s="1" t="s">
        <v>189</v>
      </c>
      <c r="S24" s="1" t="s">
        <v>190</v>
      </c>
      <c r="T24" s="1" t="s">
        <v>191</v>
      </c>
      <c r="U24" s="1">
        <v>12.2</v>
      </c>
      <c r="V24" s="3">
        <v>130</v>
      </c>
      <c r="W24" s="1" t="s">
        <v>929</v>
      </c>
      <c r="X24" s="1">
        <v>0.87</v>
      </c>
      <c r="Y24" s="1">
        <v>4.4999999999999998E-2</v>
      </c>
      <c r="Z24" s="1">
        <v>3.5000000000000001E-3</v>
      </c>
      <c r="AA24" s="1" t="s">
        <v>970</v>
      </c>
      <c r="AB24" s="1" t="s">
        <v>940</v>
      </c>
      <c r="AC24" s="1" t="s">
        <v>923</v>
      </c>
      <c r="AD24" s="1" t="s">
        <v>924</v>
      </c>
      <c r="AE24" s="1" t="s">
        <v>925</v>
      </c>
      <c r="AF24" s="1" t="s">
        <v>926</v>
      </c>
      <c r="AG24" s="1" t="s">
        <v>927</v>
      </c>
      <c r="AH24" s="1" t="s">
        <v>925</v>
      </c>
      <c r="AI24" s="1"/>
      <c r="AJ24" s="1"/>
      <c r="AK24" s="1" t="s">
        <v>928</v>
      </c>
      <c r="AL24" s="1" t="s">
        <v>928</v>
      </c>
      <c r="AM24" s="1" t="s">
        <v>928</v>
      </c>
      <c r="AN24" s="1" t="s">
        <v>928</v>
      </c>
      <c r="AO24" s="1" t="s">
        <v>928</v>
      </c>
      <c r="AP24" t="s">
        <v>928</v>
      </c>
      <c r="AQ24" s="1" t="s">
        <v>928</v>
      </c>
      <c r="AR24" s="1" t="s">
        <v>928</v>
      </c>
      <c r="AS24" s="1" t="s">
        <v>928</v>
      </c>
      <c r="AT24" s="1" t="s">
        <v>930</v>
      </c>
      <c r="AU24" s="1"/>
      <c r="AV24" s="1"/>
      <c r="AW24" s="1"/>
      <c r="AX24" s="1" t="s">
        <v>928</v>
      </c>
      <c r="AY24" s="1" t="s">
        <v>937</v>
      </c>
      <c r="AZ24" s="1" t="s">
        <v>936</v>
      </c>
      <c r="BA24" s="1" t="s">
        <v>926</v>
      </c>
      <c r="BB24" s="1" t="s">
        <v>924</v>
      </c>
      <c r="BC24" s="1">
        <v>0.69</v>
      </c>
      <c r="BD24" s="1">
        <v>0.74</v>
      </c>
      <c r="BE24" s="1" t="s">
        <v>927</v>
      </c>
      <c r="BF24" s="1" t="s">
        <v>927</v>
      </c>
      <c r="BG24" s="1">
        <v>1.1999999999999999E-3</v>
      </c>
      <c r="BH24" s="1" t="s">
        <v>926</v>
      </c>
      <c r="BI24" s="1" t="s">
        <v>924</v>
      </c>
      <c r="BJ24" s="1"/>
      <c r="BK24" s="1"/>
      <c r="BL24" s="1"/>
      <c r="BM24" s="1" t="s">
        <v>945</v>
      </c>
      <c r="BN24" s="1" t="s">
        <v>927</v>
      </c>
      <c r="BO24" s="1">
        <v>14</v>
      </c>
      <c r="BP24" s="1">
        <v>4.7</v>
      </c>
      <c r="BQ24" s="1"/>
      <c r="BR24" s="1" t="s">
        <v>946</v>
      </c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75</v>
      </c>
      <c r="C25" s="1" t="s">
        <v>888</v>
      </c>
      <c r="D25" s="1" t="s">
        <v>68</v>
      </c>
      <c r="E25" s="1" t="s">
        <v>887</v>
      </c>
      <c r="F25" s="1" t="s">
        <v>192</v>
      </c>
      <c r="G25" s="1" t="s">
        <v>108</v>
      </c>
      <c r="I25" s="1" t="s">
        <v>193</v>
      </c>
      <c r="J25" s="1" t="s">
        <v>194</v>
      </c>
      <c r="K25" s="1" t="s">
        <v>195</v>
      </c>
      <c r="L25" s="1" t="s">
        <v>151</v>
      </c>
      <c r="N25" s="1" t="s">
        <v>35</v>
      </c>
      <c r="O25" s="1" t="s">
        <v>187</v>
      </c>
      <c r="P25" s="1" t="s">
        <v>56</v>
      </c>
      <c r="Q25" s="1" t="s">
        <v>38</v>
      </c>
      <c r="R25" s="1" t="s">
        <v>196</v>
      </c>
      <c r="S25" s="1" t="s">
        <v>160</v>
      </c>
      <c r="T25" s="1" t="s">
        <v>126</v>
      </c>
      <c r="U25" s="1">
        <v>12.4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4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7</v>
      </c>
      <c r="B26" s="2">
        <v>0.33680555555555558</v>
      </c>
      <c r="C26" s="1" t="s">
        <v>888</v>
      </c>
      <c r="D26" s="1" t="s">
        <v>68</v>
      </c>
      <c r="E26" s="1" t="s">
        <v>887</v>
      </c>
      <c r="F26" s="1" t="s">
        <v>192</v>
      </c>
      <c r="G26" s="1" t="s">
        <v>198</v>
      </c>
      <c r="I26" s="1" t="s">
        <v>199</v>
      </c>
      <c r="J26" s="1" t="s">
        <v>200</v>
      </c>
      <c r="K26" s="1" t="s">
        <v>201</v>
      </c>
      <c r="L26" s="1" t="s">
        <v>202</v>
      </c>
      <c r="N26" s="1" t="s">
        <v>35</v>
      </c>
      <c r="O26" s="1" t="s">
        <v>203</v>
      </c>
      <c r="P26" s="1" t="s">
        <v>56</v>
      </c>
      <c r="Q26" s="1" t="s">
        <v>38</v>
      </c>
      <c r="R26" s="1" t="s">
        <v>82</v>
      </c>
      <c r="S26" s="1" t="s">
        <v>204</v>
      </c>
      <c r="T26" s="1" t="s">
        <v>181</v>
      </c>
      <c r="U26" s="1">
        <v>11.7</v>
      </c>
      <c r="V26" s="3">
        <v>8</v>
      </c>
      <c r="W26" s="1"/>
      <c r="X26" s="1">
        <v>0.91</v>
      </c>
      <c r="Y26" s="1">
        <v>4.1000000000000002E-2</v>
      </c>
      <c r="Z26" s="1">
        <v>1.5E-3</v>
      </c>
      <c r="AA26" s="1"/>
      <c r="AB26" s="1"/>
      <c r="AC26" s="1"/>
      <c r="AD26" s="1" t="s">
        <v>924</v>
      </c>
      <c r="AE26" s="1" t="s">
        <v>925</v>
      </c>
      <c r="AF26" s="1"/>
      <c r="AG26" s="1" t="s">
        <v>927</v>
      </c>
      <c r="AH26" s="1" t="s">
        <v>925</v>
      </c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925</v>
      </c>
      <c r="AV26" s="1" t="s">
        <v>923</v>
      </c>
      <c r="AW26" s="1" t="s">
        <v>923</v>
      </c>
      <c r="AX26" s="1"/>
      <c r="AY26" s="1"/>
      <c r="AZ26" s="1"/>
      <c r="BA26" s="1"/>
      <c r="BB26" s="1">
        <v>0.01</v>
      </c>
      <c r="BC26" s="1">
        <v>0.55000000000000004</v>
      </c>
      <c r="BD26" s="1">
        <v>0.6</v>
      </c>
      <c r="BE26" s="1"/>
      <c r="BF26" s="1"/>
      <c r="BG26" s="1"/>
      <c r="BH26" s="1"/>
      <c r="BI26" s="1"/>
      <c r="BJ26" s="1"/>
      <c r="BK26" s="1"/>
      <c r="BL26" s="1" t="s">
        <v>931</v>
      </c>
      <c r="BM26" s="1"/>
      <c r="BN26" s="1"/>
      <c r="BO26" s="1">
        <v>16</v>
      </c>
      <c r="BP26" s="1">
        <v>4.5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2986111111111116</v>
      </c>
      <c r="C27" s="1" t="s">
        <v>888</v>
      </c>
      <c r="D27" s="1" t="s">
        <v>68</v>
      </c>
      <c r="E27" s="1" t="s">
        <v>887</v>
      </c>
      <c r="F27" s="1" t="s">
        <v>205</v>
      </c>
      <c r="G27" s="1" t="s">
        <v>198</v>
      </c>
      <c r="I27" s="1" t="s">
        <v>206</v>
      </c>
      <c r="J27" s="1" t="s">
        <v>200</v>
      </c>
      <c r="K27" s="1" t="s">
        <v>207</v>
      </c>
      <c r="L27" s="1" t="s">
        <v>208</v>
      </c>
      <c r="N27" s="1" t="s">
        <v>35</v>
      </c>
      <c r="O27" s="1" t="s">
        <v>203</v>
      </c>
      <c r="P27" s="1" t="s">
        <v>56</v>
      </c>
      <c r="Q27" s="1" t="s">
        <v>99</v>
      </c>
      <c r="R27" s="1" t="s">
        <v>48</v>
      </c>
      <c r="S27" s="1" t="s">
        <v>160</v>
      </c>
      <c r="T27" s="1" t="s">
        <v>126</v>
      </c>
      <c r="U27" s="1">
        <v>11.5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4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48" spans="21:21" x14ac:dyDescent="0.15">
      <c r="U48" s="1"/>
    </row>
    <row r="49" spans="21:21" x14ac:dyDescent="0.15">
      <c r="U49" s="1"/>
    </row>
    <row r="50" spans="21:21" x14ac:dyDescent="0.15">
      <c r="U50" s="1"/>
    </row>
    <row r="51" spans="21:21" x14ac:dyDescent="0.15">
      <c r="U51" s="1"/>
    </row>
    <row r="52" spans="21:21" x14ac:dyDescent="0.15">
      <c r="U52" s="1"/>
    </row>
    <row r="53" spans="21:21" x14ac:dyDescent="0.15">
      <c r="U53" s="1"/>
    </row>
    <row r="54" spans="21:21" x14ac:dyDescent="0.15">
      <c r="U54" s="1"/>
    </row>
    <row r="55" spans="21:21" x14ac:dyDescent="0.15">
      <c r="U55" s="1"/>
    </row>
    <row r="56" spans="21:21" x14ac:dyDescent="0.15">
      <c r="U56" s="1"/>
    </row>
    <row r="57" spans="21:21" x14ac:dyDescent="0.15">
      <c r="U57" s="1"/>
    </row>
    <row r="58" spans="21:21" x14ac:dyDescent="0.15">
      <c r="U58" s="1"/>
    </row>
    <row r="59" spans="21:21" x14ac:dyDescent="0.15">
      <c r="U59" s="1"/>
    </row>
    <row r="60" spans="21:21" x14ac:dyDescent="0.15">
      <c r="U60" s="1"/>
    </row>
    <row r="61" spans="21:21" x14ac:dyDescent="0.15">
      <c r="U61" s="1"/>
    </row>
    <row r="62" spans="21:21" x14ac:dyDescent="0.15">
      <c r="U62" s="1"/>
    </row>
    <row r="63" spans="21:21" x14ac:dyDescent="0.15">
      <c r="U63" s="1"/>
    </row>
    <row r="64" spans="21:21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1" spans="21:21" x14ac:dyDescent="0.15">
      <c r="U91" s="1"/>
    </row>
    <row r="92" spans="21:21" x14ac:dyDescent="0.15">
      <c r="U92" s="1"/>
    </row>
    <row r="93" spans="21:21" x14ac:dyDescent="0.15">
      <c r="U93" s="1"/>
    </row>
    <row r="94" spans="21:21" x14ac:dyDescent="0.15">
      <c r="U94" s="1"/>
    </row>
    <row r="95" spans="21:21" x14ac:dyDescent="0.15">
      <c r="U95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46" spans="21:21" x14ac:dyDescent="0.15">
      <c r="U146" s="1"/>
    </row>
    <row r="147" spans="21:21" x14ac:dyDescent="0.15">
      <c r="U147" s="1"/>
    </row>
    <row r="148" spans="21:21" x14ac:dyDescent="0.15">
      <c r="U148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</sheetData>
  <phoneticPr fontId="18"/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1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05</v>
      </c>
      <c r="C1" s="1" t="s">
        <v>1</v>
      </c>
      <c r="D1" s="1" t="s">
        <v>906</v>
      </c>
      <c r="E1" s="1" t="s">
        <v>2</v>
      </c>
      <c r="F1" s="1" t="s">
        <v>876</v>
      </c>
      <c r="G1" s="1" t="s">
        <v>3</v>
      </c>
      <c r="H1" s="1" t="s">
        <v>89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0</v>
      </c>
      <c r="AB2" s="1" t="s">
        <v>966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8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8541666666666666</v>
      </c>
      <c r="C4" s="1" t="s">
        <v>885</v>
      </c>
      <c r="D4" s="1" t="s">
        <v>153</v>
      </c>
      <c r="E4" s="1" t="s">
        <v>28</v>
      </c>
      <c r="F4" s="1" t="s">
        <v>458</v>
      </c>
      <c r="G4" s="1" t="s">
        <v>460</v>
      </c>
      <c r="H4" s="1" t="s">
        <v>254</v>
      </c>
      <c r="I4" s="1" t="s">
        <v>407</v>
      </c>
      <c r="J4" s="1" t="s">
        <v>628</v>
      </c>
      <c r="K4" s="1" t="s">
        <v>242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645</v>
      </c>
      <c r="R4" s="1" t="s">
        <v>159</v>
      </c>
      <c r="S4" s="1" t="s">
        <v>143</v>
      </c>
      <c r="T4" s="1" t="s">
        <v>41</v>
      </c>
      <c r="U4" s="1">
        <v>10.4</v>
      </c>
      <c r="V4" s="3">
        <v>2400</v>
      </c>
      <c r="W4" s="1"/>
      <c r="X4" s="1">
        <v>5</v>
      </c>
      <c r="Y4" s="1">
        <v>0.08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4</v>
      </c>
      <c r="BD4" s="1">
        <v>4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6.7000000000000004E-2</v>
      </c>
      <c r="BO4" s="1">
        <v>28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386</v>
      </c>
      <c r="B5" s="2">
        <v>0.5</v>
      </c>
      <c r="C5" s="1" t="s">
        <v>885</v>
      </c>
      <c r="D5" s="1" t="s">
        <v>387</v>
      </c>
      <c r="E5" s="1" t="s">
        <v>28</v>
      </c>
      <c r="F5" s="1" t="s">
        <v>392</v>
      </c>
      <c r="G5" s="1" t="s">
        <v>268</v>
      </c>
      <c r="H5" s="1" t="s">
        <v>399</v>
      </c>
      <c r="I5" s="1" t="s">
        <v>556</v>
      </c>
      <c r="J5" s="1" t="s">
        <v>407</v>
      </c>
      <c r="K5" s="1" t="s">
        <v>408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91</v>
      </c>
      <c r="R5" s="1" t="s">
        <v>132</v>
      </c>
      <c r="S5" s="1" t="s">
        <v>244</v>
      </c>
      <c r="U5" s="1">
        <v>10.6</v>
      </c>
      <c r="V5" s="1"/>
      <c r="W5" s="1"/>
      <c r="X5" s="1">
        <v>1.3</v>
      </c>
      <c r="Y5" s="1">
        <v>4.8000000000000001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924</v>
      </c>
      <c r="BC5" s="1">
        <v>1.2</v>
      </c>
      <c r="BD5" s="1">
        <v>1.2</v>
      </c>
      <c r="BE5" s="1"/>
      <c r="BF5" s="1"/>
      <c r="BG5" s="1"/>
      <c r="BH5" s="1"/>
      <c r="BI5" s="1"/>
      <c r="BJ5" s="1"/>
      <c r="BK5" s="1"/>
      <c r="BL5" s="1"/>
      <c r="BM5" s="1" t="s">
        <v>945</v>
      </c>
      <c r="BN5" s="1">
        <v>2.4E-2</v>
      </c>
      <c r="BO5" s="1">
        <v>14</v>
      </c>
      <c r="BP5" s="1">
        <v>4.5999999999999996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91</v>
      </c>
      <c r="B6" s="2">
        <v>0.47638888888888892</v>
      </c>
      <c r="C6" s="1" t="s">
        <v>885</v>
      </c>
      <c r="D6" s="1" t="s">
        <v>27</v>
      </c>
      <c r="E6" s="1" t="s">
        <v>28</v>
      </c>
      <c r="F6" s="1" t="s">
        <v>646</v>
      </c>
      <c r="G6" s="1" t="s">
        <v>543</v>
      </c>
      <c r="H6" s="1" t="s">
        <v>403</v>
      </c>
      <c r="I6" s="1" t="s">
        <v>539</v>
      </c>
      <c r="J6" s="1" t="s">
        <v>384</v>
      </c>
      <c r="K6" s="1" t="s">
        <v>403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99</v>
      </c>
      <c r="R6" s="1" t="s">
        <v>58</v>
      </c>
      <c r="S6" s="1" t="s">
        <v>559</v>
      </c>
      <c r="T6" s="1" t="s">
        <v>191</v>
      </c>
      <c r="U6" s="1">
        <v>9.1</v>
      </c>
      <c r="V6" s="3">
        <v>24000</v>
      </c>
      <c r="W6" s="1"/>
      <c r="X6" s="1">
        <v>1.2</v>
      </c>
      <c r="Y6" s="1">
        <v>0.08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924</v>
      </c>
      <c r="BC6" s="1">
        <v>1</v>
      </c>
      <c r="BD6" s="1">
        <v>1</v>
      </c>
      <c r="BE6" s="1"/>
      <c r="BF6" s="1"/>
      <c r="BG6" s="1"/>
      <c r="BH6" s="1"/>
      <c r="BI6" s="1"/>
      <c r="BJ6" s="1"/>
      <c r="BK6" s="1"/>
      <c r="BL6" s="1"/>
      <c r="BM6" s="1" t="s">
        <v>945</v>
      </c>
      <c r="BN6" s="1">
        <v>3.7999999999999999E-2</v>
      </c>
      <c r="BO6" s="1">
        <v>14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84</v>
      </c>
      <c r="B7" s="2">
        <v>0.48333333333333334</v>
      </c>
      <c r="C7" s="1" t="s">
        <v>885</v>
      </c>
      <c r="D7" s="1" t="s">
        <v>68</v>
      </c>
      <c r="E7" s="1" t="s">
        <v>28</v>
      </c>
      <c r="F7" s="1" t="s">
        <v>647</v>
      </c>
      <c r="G7" s="1" t="s">
        <v>510</v>
      </c>
      <c r="H7" s="1" t="s">
        <v>394</v>
      </c>
      <c r="I7" s="1" t="s">
        <v>200</v>
      </c>
      <c r="J7" s="1" t="s">
        <v>384</v>
      </c>
      <c r="K7" s="1" t="s">
        <v>403</v>
      </c>
      <c r="L7" s="1" t="s">
        <v>34</v>
      </c>
      <c r="N7" s="1" t="s">
        <v>35</v>
      </c>
      <c r="O7" s="1" t="s">
        <v>74</v>
      </c>
      <c r="P7" s="1" t="s">
        <v>56</v>
      </c>
      <c r="Q7" s="1" t="s">
        <v>99</v>
      </c>
      <c r="R7" s="1" t="s">
        <v>39</v>
      </c>
      <c r="S7" s="1" t="s">
        <v>559</v>
      </c>
      <c r="U7" s="1">
        <v>8.6</v>
      </c>
      <c r="V7" s="1"/>
      <c r="W7" s="1"/>
      <c r="X7" s="1">
        <v>0.94</v>
      </c>
      <c r="Y7" s="1">
        <v>5.5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925</v>
      </c>
      <c r="AV7" s="1" t="s">
        <v>923</v>
      </c>
      <c r="AW7" s="1" t="s">
        <v>923</v>
      </c>
      <c r="AX7" s="1"/>
      <c r="AY7" s="1"/>
      <c r="AZ7" s="1"/>
      <c r="BA7" s="1"/>
      <c r="BB7" s="1" t="s">
        <v>924</v>
      </c>
      <c r="BC7" s="1">
        <v>0.82</v>
      </c>
      <c r="BD7" s="1">
        <v>0.87</v>
      </c>
      <c r="BE7" s="1"/>
      <c r="BF7" s="1"/>
      <c r="BG7" s="1"/>
      <c r="BH7" s="1"/>
      <c r="BI7" s="1"/>
      <c r="BJ7" s="1"/>
      <c r="BK7" s="1" t="s">
        <v>925</v>
      </c>
      <c r="BL7" s="1"/>
      <c r="BM7" s="1" t="s">
        <v>945</v>
      </c>
      <c r="BN7" s="1">
        <v>2.5000000000000001E-2</v>
      </c>
      <c r="BO7" s="1">
        <v>16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00</v>
      </c>
      <c r="B8" s="2">
        <v>0.4694444444444445</v>
      </c>
      <c r="C8" s="1" t="s">
        <v>885</v>
      </c>
      <c r="D8" s="1" t="s">
        <v>27</v>
      </c>
      <c r="E8" s="1" t="s">
        <v>28</v>
      </c>
      <c r="F8" s="1" t="s">
        <v>648</v>
      </c>
      <c r="G8" s="1" t="s">
        <v>435</v>
      </c>
      <c r="H8" s="1" t="s">
        <v>550</v>
      </c>
      <c r="I8" s="1" t="s">
        <v>399</v>
      </c>
      <c r="J8" s="1" t="s">
        <v>398</v>
      </c>
      <c r="K8" s="1" t="s">
        <v>649</v>
      </c>
      <c r="L8" s="1" t="s">
        <v>34</v>
      </c>
      <c r="N8" s="1" t="s">
        <v>35</v>
      </c>
      <c r="O8" s="1" t="s">
        <v>74</v>
      </c>
      <c r="P8" s="1" t="s">
        <v>56</v>
      </c>
      <c r="Q8" s="1" t="s">
        <v>38</v>
      </c>
      <c r="R8" s="1" t="s">
        <v>159</v>
      </c>
      <c r="S8" s="1" t="s">
        <v>204</v>
      </c>
      <c r="T8" s="1" t="s">
        <v>181</v>
      </c>
      <c r="U8" s="1">
        <v>9</v>
      </c>
      <c r="V8" s="3">
        <v>3300</v>
      </c>
      <c r="W8" s="1" t="s">
        <v>929</v>
      </c>
      <c r="X8" s="1">
        <v>1.2</v>
      </c>
      <c r="Y8" s="1">
        <v>4.1000000000000002E-2</v>
      </c>
      <c r="Z8" s="1">
        <v>7.1999999999999998E-3</v>
      </c>
      <c r="AA8" s="1" t="s">
        <v>970</v>
      </c>
      <c r="AB8" s="1" t="s">
        <v>980</v>
      </c>
      <c r="AC8" s="1" t="s">
        <v>923</v>
      </c>
      <c r="AD8" s="1" t="s">
        <v>924</v>
      </c>
      <c r="AE8" s="1" t="s">
        <v>925</v>
      </c>
      <c r="AF8" s="1" t="s">
        <v>926</v>
      </c>
      <c r="AG8" s="1" t="s">
        <v>925</v>
      </c>
      <c r="AH8" s="1" t="s">
        <v>925</v>
      </c>
      <c r="AI8" s="1"/>
      <c r="AJ8" s="1" t="s">
        <v>925</v>
      </c>
      <c r="AK8" s="1" t="s">
        <v>930</v>
      </c>
      <c r="AL8" s="1" t="s">
        <v>930</v>
      </c>
      <c r="AM8" s="1" t="s">
        <v>930</v>
      </c>
      <c r="AN8" s="1" t="s">
        <v>930</v>
      </c>
      <c r="AO8" s="1" t="s">
        <v>930</v>
      </c>
      <c r="AP8" t="s">
        <v>930</v>
      </c>
      <c r="AQ8" s="1" t="s">
        <v>930</v>
      </c>
      <c r="AR8" s="1" t="s">
        <v>930</v>
      </c>
      <c r="AS8" s="1" t="s">
        <v>930</v>
      </c>
      <c r="AT8" s="1" t="s">
        <v>939</v>
      </c>
      <c r="AU8" s="1"/>
      <c r="AV8" s="1"/>
      <c r="AW8" s="1"/>
      <c r="AX8" s="1" t="s">
        <v>930</v>
      </c>
      <c r="AY8" s="1" t="s">
        <v>925</v>
      </c>
      <c r="AZ8" s="1">
        <v>0.08</v>
      </c>
      <c r="BA8" s="1">
        <v>1.0999999999999999E-2</v>
      </c>
      <c r="BB8" s="1" t="s">
        <v>924</v>
      </c>
      <c r="BC8" s="1">
        <v>0.86</v>
      </c>
      <c r="BD8" s="1">
        <v>0.91</v>
      </c>
      <c r="BE8" s="1" t="s">
        <v>927</v>
      </c>
      <c r="BF8" s="1"/>
      <c r="BG8" s="1"/>
      <c r="BH8" s="1"/>
      <c r="BI8" s="1"/>
      <c r="BJ8" s="1"/>
      <c r="BK8" s="1"/>
      <c r="BL8" s="1"/>
      <c r="BM8" s="1" t="s">
        <v>945</v>
      </c>
      <c r="BN8" s="1">
        <v>2.3E-2</v>
      </c>
      <c r="BO8" s="1">
        <v>14</v>
      </c>
      <c r="BP8" s="1">
        <v>4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119</v>
      </c>
      <c r="B9" s="2">
        <v>0.46180555555555558</v>
      </c>
      <c r="C9" s="1" t="s">
        <v>885</v>
      </c>
      <c r="D9" s="1" t="s">
        <v>27</v>
      </c>
      <c r="E9" s="1" t="s">
        <v>887</v>
      </c>
      <c r="F9" s="1" t="s">
        <v>611</v>
      </c>
      <c r="G9" s="1" t="s">
        <v>489</v>
      </c>
      <c r="H9" s="1" t="s">
        <v>212</v>
      </c>
      <c r="I9" s="1" t="s">
        <v>306</v>
      </c>
      <c r="J9" s="1" t="s">
        <v>398</v>
      </c>
      <c r="K9" s="1" t="s">
        <v>548</v>
      </c>
      <c r="L9" s="1" t="s">
        <v>34</v>
      </c>
      <c r="N9" s="1" t="s">
        <v>35</v>
      </c>
      <c r="O9" s="1" t="s">
        <v>74</v>
      </c>
      <c r="P9" s="1" t="s">
        <v>56</v>
      </c>
      <c r="Q9" s="1" t="s">
        <v>99</v>
      </c>
      <c r="R9" s="1" t="s">
        <v>159</v>
      </c>
      <c r="S9" s="1" t="s">
        <v>92</v>
      </c>
      <c r="U9" s="1">
        <v>9.3000000000000007</v>
      </c>
      <c r="V9" s="1"/>
      <c r="W9" s="1"/>
      <c r="X9" s="1">
        <v>1.5</v>
      </c>
      <c r="Y9" s="1">
        <v>5.0999999999999997E-2</v>
      </c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924</v>
      </c>
      <c r="BC9" s="1">
        <v>1.4</v>
      </c>
      <c r="BD9" s="1">
        <v>1.4</v>
      </c>
      <c r="BE9" s="1" t="s">
        <v>971</v>
      </c>
      <c r="BF9" s="1"/>
      <c r="BG9" s="1"/>
      <c r="BH9" s="1"/>
      <c r="BI9" s="1"/>
      <c r="BJ9" s="1"/>
      <c r="BK9" s="1"/>
      <c r="BL9" s="1"/>
      <c r="BM9" s="1" t="s">
        <v>945</v>
      </c>
      <c r="BN9" s="1">
        <v>3.5999999999999997E-2</v>
      </c>
      <c r="BO9" s="1">
        <v>16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409</v>
      </c>
      <c r="B10" s="2">
        <v>0.47569444444444442</v>
      </c>
      <c r="C10" s="1" t="s">
        <v>885</v>
      </c>
      <c r="D10" s="1" t="s">
        <v>68</v>
      </c>
      <c r="E10" s="1" t="s">
        <v>28</v>
      </c>
      <c r="F10" s="1" t="s">
        <v>430</v>
      </c>
      <c r="G10" s="1" t="s">
        <v>620</v>
      </c>
      <c r="H10" s="1" t="s">
        <v>384</v>
      </c>
      <c r="I10" s="1" t="s">
        <v>632</v>
      </c>
      <c r="J10" s="1" t="s">
        <v>628</v>
      </c>
      <c r="K10" s="1" t="s">
        <v>312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178</v>
      </c>
      <c r="R10" s="1" t="s">
        <v>159</v>
      </c>
      <c r="S10" s="1" t="s">
        <v>244</v>
      </c>
      <c r="T10" s="1" t="s">
        <v>41</v>
      </c>
      <c r="U10" s="1">
        <v>10.8</v>
      </c>
      <c r="V10" s="3">
        <v>4900</v>
      </c>
      <c r="W10" s="1"/>
      <c r="X10" s="1">
        <v>5.0999999999999996</v>
      </c>
      <c r="Y10" s="1">
        <v>7.3999999999999996E-2</v>
      </c>
      <c r="Z10" s="1"/>
      <c r="AA10" s="1" t="s">
        <v>971</v>
      </c>
      <c r="AB10" s="1" t="s">
        <v>971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2</v>
      </c>
      <c r="BC10" s="1">
        <v>4.7</v>
      </c>
      <c r="BD10" s="1">
        <v>4.7</v>
      </c>
      <c r="BE10" s="1" t="s">
        <v>971</v>
      </c>
      <c r="BF10" s="1" t="s">
        <v>927</v>
      </c>
      <c r="BG10" s="1">
        <v>1.5E-3</v>
      </c>
      <c r="BH10" s="1">
        <v>0.02</v>
      </c>
      <c r="BI10" s="1">
        <v>8.9999999999999998E-4</v>
      </c>
      <c r="BJ10" s="1" t="s">
        <v>927</v>
      </c>
      <c r="BK10" s="1"/>
      <c r="BL10" s="1" t="s">
        <v>931</v>
      </c>
      <c r="BM10" s="1" t="s">
        <v>945</v>
      </c>
      <c r="BN10" s="1">
        <v>6.3E-2</v>
      </c>
      <c r="BO10" s="1">
        <v>28</v>
      </c>
      <c r="BP10" s="1"/>
      <c r="BQ10" s="1"/>
      <c r="BR10" s="1" t="s">
        <v>946</v>
      </c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413</v>
      </c>
      <c r="B11" s="2">
        <v>0.45277777777777778</v>
      </c>
      <c r="C11" s="1" t="s">
        <v>885</v>
      </c>
      <c r="D11" s="1" t="s">
        <v>68</v>
      </c>
      <c r="E11" s="1" t="s">
        <v>887</v>
      </c>
      <c r="F11" s="1" t="s">
        <v>333</v>
      </c>
      <c r="G11" s="1" t="s">
        <v>549</v>
      </c>
      <c r="H11" s="1" t="s">
        <v>398</v>
      </c>
      <c r="I11" s="1" t="s">
        <v>628</v>
      </c>
      <c r="J11" s="1" t="s">
        <v>628</v>
      </c>
      <c r="K11" s="1" t="s">
        <v>223</v>
      </c>
      <c r="L11" s="1" t="s">
        <v>34</v>
      </c>
      <c r="N11" s="1" t="s">
        <v>35</v>
      </c>
      <c r="O11" s="1" t="s">
        <v>74</v>
      </c>
      <c r="P11" s="1" t="s">
        <v>56</v>
      </c>
      <c r="Q11" s="1" t="s">
        <v>188</v>
      </c>
      <c r="R11" s="1" t="s">
        <v>196</v>
      </c>
      <c r="S11" s="1" t="s">
        <v>642</v>
      </c>
      <c r="U11" s="1">
        <v>10.6</v>
      </c>
      <c r="V11" s="1"/>
      <c r="W11" s="1"/>
      <c r="X11" s="1">
        <v>4.3</v>
      </c>
      <c r="Y11" s="1">
        <v>0.15</v>
      </c>
      <c r="Z11" s="1"/>
      <c r="AA11" s="1" t="s">
        <v>971</v>
      </c>
      <c r="AB11" s="1" t="s">
        <v>97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4</v>
      </c>
      <c r="BC11" s="1">
        <v>3.8</v>
      </c>
      <c r="BD11" s="1">
        <v>3.8</v>
      </c>
      <c r="BE11" s="1" t="s">
        <v>971</v>
      </c>
      <c r="BF11" s="1"/>
      <c r="BG11" s="1"/>
      <c r="BH11" s="1"/>
      <c r="BI11" s="1"/>
      <c r="BJ11" s="1"/>
      <c r="BK11" s="1"/>
      <c r="BL11" s="1"/>
      <c r="BM11" s="1">
        <v>0.04</v>
      </c>
      <c r="BN11" s="1">
        <v>0.13</v>
      </c>
      <c r="BO11" s="1">
        <v>23</v>
      </c>
      <c r="BP11" s="1">
        <v>1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61</v>
      </c>
      <c r="B12" s="2">
        <v>0.47222222222222227</v>
      </c>
      <c r="C12" s="1" t="s">
        <v>885</v>
      </c>
      <c r="D12" s="1" t="s">
        <v>68</v>
      </c>
      <c r="E12" s="1" t="s">
        <v>887</v>
      </c>
      <c r="F12" s="1" t="s">
        <v>428</v>
      </c>
      <c r="G12" s="1" t="s">
        <v>240</v>
      </c>
      <c r="H12" s="1" t="s">
        <v>629</v>
      </c>
      <c r="I12" s="1" t="s">
        <v>650</v>
      </c>
      <c r="J12" s="1" t="s">
        <v>630</v>
      </c>
      <c r="K12" s="1" t="s">
        <v>418</v>
      </c>
      <c r="L12" s="1" t="s">
        <v>34</v>
      </c>
      <c r="N12" s="1" t="s">
        <v>35</v>
      </c>
      <c r="O12" s="1" t="s">
        <v>74</v>
      </c>
      <c r="P12" s="1" t="s">
        <v>56</v>
      </c>
      <c r="Q12" s="1" t="s">
        <v>91</v>
      </c>
      <c r="R12" s="1" t="s">
        <v>132</v>
      </c>
      <c r="S12" s="1" t="s">
        <v>466</v>
      </c>
      <c r="T12" s="1" t="s">
        <v>110</v>
      </c>
      <c r="U12" s="1">
        <v>10.3</v>
      </c>
      <c r="V12" s="3">
        <v>790</v>
      </c>
      <c r="W12" s="1"/>
      <c r="X12" s="1">
        <v>2.6</v>
      </c>
      <c r="Y12" s="1">
        <v>9.0999999999999998E-2</v>
      </c>
      <c r="Z12" s="1"/>
      <c r="AA12" s="1" t="s">
        <v>971</v>
      </c>
      <c r="AB12" s="1" t="s">
        <v>971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1</v>
      </c>
      <c r="BC12" s="1">
        <v>1.9</v>
      </c>
      <c r="BD12" s="1">
        <v>1.9</v>
      </c>
      <c r="BE12" s="1" t="s">
        <v>971</v>
      </c>
      <c r="BF12" s="1"/>
      <c r="BG12" s="1"/>
      <c r="BH12" s="1"/>
      <c r="BI12" s="1"/>
      <c r="BJ12" s="1"/>
      <c r="BK12" s="1"/>
      <c r="BL12" s="1"/>
      <c r="BM12" s="1" t="s">
        <v>945</v>
      </c>
      <c r="BN12" s="1">
        <v>7.5999999999999998E-2</v>
      </c>
      <c r="BO12" s="1">
        <v>20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71</v>
      </c>
      <c r="B13" s="2">
        <v>0.47916666666666669</v>
      </c>
      <c r="C13" s="1" t="s">
        <v>885</v>
      </c>
      <c r="D13" s="1" t="s">
        <v>387</v>
      </c>
      <c r="E13" s="1" t="s">
        <v>28</v>
      </c>
      <c r="F13" s="1" t="s">
        <v>651</v>
      </c>
      <c r="G13" s="1" t="s">
        <v>464</v>
      </c>
      <c r="H13" s="1" t="s">
        <v>212</v>
      </c>
      <c r="I13" s="1" t="s">
        <v>217</v>
      </c>
      <c r="J13" s="1" t="s">
        <v>398</v>
      </c>
      <c r="K13" s="1" t="s">
        <v>636</v>
      </c>
      <c r="L13" s="1" t="s">
        <v>302</v>
      </c>
      <c r="N13" s="1" t="s">
        <v>35</v>
      </c>
      <c r="O13" s="1" t="s">
        <v>74</v>
      </c>
      <c r="P13" s="1" t="s">
        <v>56</v>
      </c>
      <c r="Q13" s="1" t="s">
        <v>91</v>
      </c>
      <c r="R13" s="1" t="s">
        <v>159</v>
      </c>
      <c r="S13" s="1" t="s">
        <v>92</v>
      </c>
      <c r="U13" s="1">
        <v>12.6</v>
      </c>
      <c r="V13" s="1"/>
      <c r="W13" s="1"/>
      <c r="X13" s="1">
        <v>2.2000000000000002</v>
      </c>
      <c r="Y13" s="1">
        <v>6.9000000000000006E-2</v>
      </c>
      <c r="Z13" s="1"/>
      <c r="AA13" s="1" t="s">
        <v>971</v>
      </c>
      <c r="AB13" s="1" t="s">
        <v>971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924</v>
      </c>
      <c r="BC13" s="1">
        <v>1.9</v>
      </c>
      <c r="BD13" s="1">
        <v>1.9</v>
      </c>
      <c r="BE13" s="1" t="s">
        <v>971</v>
      </c>
      <c r="BF13" s="1"/>
      <c r="BG13" s="1"/>
      <c r="BH13" s="1"/>
      <c r="BI13" s="1"/>
      <c r="BJ13" s="1"/>
      <c r="BK13" s="1"/>
      <c r="BL13" s="1"/>
      <c r="BM13" s="1" t="s">
        <v>945</v>
      </c>
      <c r="BN13" s="1">
        <v>4.4999999999999998E-2</v>
      </c>
      <c r="BO13" s="1">
        <v>19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422</v>
      </c>
      <c r="B14" s="2">
        <v>0.49305555555555558</v>
      </c>
      <c r="C14" s="1" t="s">
        <v>885</v>
      </c>
      <c r="D14" s="1" t="s">
        <v>68</v>
      </c>
      <c r="E14" s="1" t="s">
        <v>887</v>
      </c>
      <c r="F14" s="1" t="s">
        <v>370</v>
      </c>
      <c r="G14" s="1" t="s">
        <v>593</v>
      </c>
      <c r="H14" s="1" t="s">
        <v>223</v>
      </c>
      <c r="I14" s="1" t="s">
        <v>242</v>
      </c>
      <c r="J14" s="1" t="s">
        <v>398</v>
      </c>
      <c r="K14" s="1" t="s">
        <v>557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188</v>
      </c>
      <c r="R14" s="1" t="s">
        <v>196</v>
      </c>
      <c r="S14" s="1" t="s">
        <v>143</v>
      </c>
      <c r="T14" s="1" t="s">
        <v>181</v>
      </c>
      <c r="U14" s="1">
        <v>12.8</v>
      </c>
      <c r="V14" s="3">
        <v>7900</v>
      </c>
      <c r="W14" s="1" t="s">
        <v>929</v>
      </c>
      <c r="X14" s="1">
        <v>1.5</v>
      </c>
      <c r="Y14" s="1">
        <v>5.3999999999999999E-2</v>
      </c>
      <c r="Z14" s="1">
        <v>6.7999999999999996E-3</v>
      </c>
      <c r="AA14" s="1" t="s">
        <v>970</v>
      </c>
      <c r="AB14" s="1" t="s">
        <v>981</v>
      </c>
      <c r="AC14" s="1" t="s">
        <v>923</v>
      </c>
      <c r="AD14" s="1" t="s">
        <v>924</v>
      </c>
      <c r="AE14" s="1" t="s">
        <v>925</v>
      </c>
      <c r="AF14" s="1" t="s">
        <v>926</v>
      </c>
      <c r="AG14" s="1">
        <v>5.0000000000000001E-4</v>
      </c>
      <c r="AH14" s="1" t="s">
        <v>925</v>
      </c>
      <c r="AI14" s="1"/>
      <c r="AJ14" s="1" t="s">
        <v>925</v>
      </c>
      <c r="AK14" s="1" t="s">
        <v>930</v>
      </c>
      <c r="AL14" s="1" t="s">
        <v>930</v>
      </c>
      <c r="AM14" s="1" t="s">
        <v>930</v>
      </c>
      <c r="AN14" s="1" t="s">
        <v>930</v>
      </c>
      <c r="AO14" s="1" t="s">
        <v>930</v>
      </c>
      <c r="AP14" t="s">
        <v>930</v>
      </c>
      <c r="AQ14" s="1" t="s">
        <v>930</v>
      </c>
      <c r="AR14" s="1" t="s">
        <v>930</v>
      </c>
      <c r="AS14" s="1" t="s">
        <v>930</v>
      </c>
      <c r="AT14" s="1" t="s">
        <v>939</v>
      </c>
      <c r="AU14" s="1"/>
      <c r="AV14" s="1"/>
      <c r="AW14" s="1"/>
      <c r="AX14" s="1" t="s">
        <v>930</v>
      </c>
      <c r="AY14" s="1" t="s">
        <v>925</v>
      </c>
      <c r="AZ14" s="1">
        <v>0.09</v>
      </c>
      <c r="BA14" s="1">
        <v>1.2999999999999999E-2</v>
      </c>
      <c r="BB14" s="1" t="s">
        <v>924</v>
      </c>
      <c r="BC14" s="1">
        <v>1.2</v>
      </c>
      <c r="BD14" s="1">
        <v>1.2</v>
      </c>
      <c r="BE14" s="1" t="s">
        <v>927</v>
      </c>
      <c r="BF14" s="1"/>
      <c r="BG14" s="1"/>
      <c r="BH14" s="1"/>
      <c r="BI14" s="1"/>
      <c r="BJ14" s="1"/>
      <c r="BK14" s="1"/>
      <c r="BL14" s="1"/>
      <c r="BM14" s="1" t="s">
        <v>945</v>
      </c>
      <c r="BN14" s="1">
        <v>2.4E-2</v>
      </c>
      <c r="BO14" s="1">
        <v>16</v>
      </c>
      <c r="BP14" s="1">
        <v>5.6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97</v>
      </c>
      <c r="B15" s="2">
        <v>0.46111111111111108</v>
      </c>
      <c r="C15" s="1" t="s">
        <v>885</v>
      </c>
      <c r="D15" s="1" t="s">
        <v>68</v>
      </c>
      <c r="E15" s="1" t="s">
        <v>887</v>
      </c>
      <c r="F15" s="1" t="s">
        <v>162</v>
      </c>
      <c r="G15" s="1" t="s">
        <v>147</v>
      </c>
      <c r="H15" s="1" t="s">
        <v>552</v>
      </c>
      <c r="I15" s="1" t="s">
        <v>384</v>
      </c>
      <c r="J15" s="1" t="s">
        <v>628</v>
      </c>
      <c r="K15" s="1" t="s">
        <v>312</v>
      </c>
      <c r="L15" s="1" t="s">
        <v>34</v>
      </c>
      <c r="N15" s="1" t="s">
        <v>35</v>
      </c>
      <c r="O15" s="1" t="s">
        <v>74</v>
      </c>
      <c r="P15" s="1" t="s">
        <v>56</v>
      </c>
      <c r="Q15" s="1" t="s">
        <v>188</v>
      </c>
      <c r="R15" s="1" t="s">
        <v>152</v>
      </c>
      <c r="S15" s="1" t="s">
        <v>466</v>
      </c>
      <c r="U15" s="1">
        <v>11.9</v>
      </c>
      <c r="V15" s="1"/>
      <c r="W15" s="1"/>
      <c r="X15" s="1">
        <v>4.2</v>
      </c>
      <c r="Y15" s="1">
        <v>0.24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925</v>
      </c>
      <c r="AV15" s="1" t="s">
        <v>923</v>
      </c>
      <c r="AW15" s="1" t="s">
        <v>923</v>
      </c>
      <c r="AX15" s="1"/>
      <c r="AY15" s="1"/>
      <c r="AZ15" s="1"/>
      <c r="BA15" s="1"/>
      <c r="BB15" s="1">
        <v>0.02</v>
      </c>
      <c r="BC15" s="1">
        <v>3.7</v>
      </c>
      <c r="BD15" s="1">
        <v>3.7</v>
      </c>
      <c r="BE15" s="1"/>
      <c r="BF15" s="1"/>
      <c r="BG15" s="1"/>
      <c r="BH15" s="1"/>
      <c r="BI15" s="1"/>
      <c r="BJ15" s="1"/>
      <c r="BK15" s="1"/>
      <c r="BL15" s="1"/>
      <c r="BM15" s="1" t="s">
        <v>945</v>
      </c>
      <c r="BN15" s="1">
        <v>0.23</v>
      </c>
      <c r="BO15" s="1">
        <v>28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</sheetData>
  <phoneticPr fontId="18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9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07</v>
      </c>
      <c r="C1" s="1" t="s">
        <v>1</v>
      </c>
      <c r="D1" s="1" t="s">
        <v>908</v>
      </c>
      <c r="E1" s="1" t="s">
        <v>2</v>
      </c>
      <c r="F1" s="1" t="s">
        <v>876</v>
      </c>
      <c r="G1" s="1" t="s">
        <v>3</v>
      </c>
      <c r="H1" s="1" t="s">
        <v>89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2</v>
      </c>
      <c r="AB2" s="1" t="s">
        <v>965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666666666666669</v>
      </c>
      <c r="C4" s="1" t="s">
        <v>885</v>
      </c>
      <c r="D4" s="1" t="s">
        <v>68</v>
      </c>
      <c r="E4" s="1" t="s">
        <v>28</v>
      </c>
      <c r="F4" s="1" t="s">
        <v>227</v>
      </c>
      <c r="G4" s="1" t="s">
        <v>652</v>
      </c>
      <c r="H4" s="1" t="s">
        <v>548</v>
      </c>
      <c r="I4" s="1" t="s">
        <v>653</v>
      </c>
      <c r="J4" s="1" t="s">
        <v>254</v>
      </c>
      <c r="K4" s="1" t="s">
        <v>298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108</v>
      </c>
      <c r="R4" s="1" t="s">
        <v>159</v>
      </c>
      <c r="S4" s="1" t="s">
        <v>58</v>
      </c>
      <c r="T4" s="1" t="s">
        <v>41</v>
      </c>
      <c r="U4" s="1">
        <v>11.2</v>
      </c>
      <c r="V4" s="3">
        <v>110</v>
      </c>
      <c r="W4" s="1"/>
      <c r="X4" s="1">
        <v>0.8</v>
      </c>
      <c r="Y4" s="1">
        <v>1.4E-2</v>
      </c>
      <c r="Z4" s="1" t="s">
        <v>931</v>
      </c>
      <c r="AA4" s="1" t="s">
        <v>970</v>
      </c>
      <c r="AB4" s="1" t="s">
        <v>940</v>
      </c>
      <c r="AC4" s="1" t="s">
        <v>923</v>
      </c>
      <c r="AD4" s="1" t="s">
        <v>924</v>
      </c>
      <c r="AE4" s="1" t="s">
        <v>927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30</v>
      </c>
      <c r="AM4" s="1"/>
      <c r="AN4" s="1"/>
      <c r="AO4" s="1"/>
      <c r="AP4" t="s">
        <v>930</v>
      </c>
      <c r="AQ4" s="1"/>
      <c r="AR4" s="1" t="s">
        <v>930</v>
      </c>
      <c r="AS4" s="1" t="s">
        <v>930</v>
      </c>
      <c r="AT4" s="1"/>
      <c r="AU4" s="1"/>
      <c r="AV4" s="1"/>
      <c r="AW4" s="1"/>
      <c r="AX4" s="1"/>
      <c r="AY4" s="1"/>
      <c r="AZ4" s="1" t="s">
        <v>938</v>
      </c>
      <c r="BA4" s="1" t="s">
        <v>926</v>
      </c>
      <c r="BB4" s="1" t="s">
        <v>938</v>
      </c>
      <c r="BC4" s="1">
        <v>0.75</v>
      </c>
      <c r="BD4" s="1">
        <v>0.8</v>
      </c>
      <c r="BE4" s="1"/>
      <c r="BF4" s="1" t="s">
        <v>927</v>
      </c>
      <c r="BG4" s="1" t="s">
        <v>927</v>
      </c>
      <c r="BH4" s="1" t="s">
        <v>926</v>
      </c>
      <c r="BI4" s="1" t="s">
        <v>924</v>
      </c>
      <c r="BJ4" s="1"/>
      <c r="BK4" s="1"/>
      <c r="BL4" s="1"/>
      <c r="BM4" s="1" t="s">
        <v>945</v>
      </c>
      <c r="BN4" s="1">
        <v>5.0000000000000001E-3</v>
      </c>
      <c r="BO4" s="1">
        <v>11</v>
      </c>
      <c r="BP4" s="1">
        <v>2.4</v>
      </c>
      <c r="BQ4" s="1"/>
      <c r="BR4" s="1" t="s">
        <v>946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5</v>
      </c>
      <c r="C5" s="1" t="s">
        <v>885</v>
      </c>
      <c r="D5" s="1" t="s">
        <v>27</v>
      </c>
      <c r="E5" s="1" t="s">
        <v>28</v>
      </c>
      <c r="F5" s="1" t="s">
        <v>227</v>
      </c>
      <c r="G5" s="1" t="s">
        <v>154</v>
      </c>
      <c r="H5" s="1" t="s">
        <v>403</v>
      </c>
      <c r="I5" s="1" t="s">
        <v>654</v>
      </c>
      <c r="J5" s="1" t="s">
        <v>212</v>
      </c>
      <c r="K5" s="1" t="s">
        <v>287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57</v>
      </c>
      <c r="R5" s="1" t="s">
        <v>118</v>
      </c>
      <c r="S5" s="1" t="s">
        <v>39</v>
      </c>
      <c r="T5" s="1" t="s">
        <v>59</v>
      </c>
      <c r="U5" s="1">
        <v>10.199999999999999</v>
      </c>
      <c r="V5" s="1"/>
      <c r="W5" s="1"/>
      <c r="X5" s="1"/>
      <c r="Y5" s="1"/>
      <c r="Z5" s="1"/>
      <c r="AA5" s="1" t="s">
        <v>971</v>
      </c>
      <c r="AB5" s="1" t="s">
        <v>971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1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19</v>
      </c>
      <c r="B6" s="2">
        <v>8.3333333333333329E-2</v>
      </c>
      <c r="C6" s="1" t="s">
        <v>885</v>
      </c>
      <c r="D6" s="1" t="s">
        <v>68</v>
      </c>
      <c r="E6" s="1" t="s">
        <v>28</v>
      </c>
      <c r="F6" s="1" t="s">
        <v>655</v>
      </c>
      <c r="G6" s="1" t="s">
        <v>210</v>
      </c>
      <c r="H6" s="1" t="s">
        <v>557</v>
      </c>
      <c r="I6" s="1" t="s">
        <v>656</v>
      </c>
      <c r="J6" s="1" t="s">
        <v>254</v>
      </c>
      <c r="K6" s="1" t="s">
        <v>149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144</v>
      </c>
      <c r="R6" s="1" t="s">
        <v>47</v>
      </c>
      <c r="S6" s="1" t="s">
        <v>58</v>
      </c>
      <c r="T6" s="1" t="s">
        <v>41</v>
      </c>
      <c r="U6" s="1">
        <v>10.1</v>
      </c>
      <c r="V6" s="1"/>
      <c r="W6" s="1"/>
      <c r="X6" s="1"/>
      <c r="Y6" s="1"/>
      <c r="Z6" s="1"/>
      <c r="AA6" s="1" t="s">
        <v>971</v>
      </c>
      <c r="AB6" s="1" t="s">
        <v>971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1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25</v>
      </c>
      <c r="B7" s="2">
        <v>0.41666666666666669</v>
      </c>
      <c r="C7" s="1" t="s">
        <v>885</v>
      </c>
      <c r="D7" s="1" t="s">
        <v>27</v>
      </c>
      <c r="E7" s="1" t="s">
        <v>28</v>
      </c>
      <c r="F7" s="1" t="s">
        <v>252</v>
      </c>
      <c r="G7" s="1" t="s">
        <v>220</v>
      </c>
      <c r="H7" s="1" t="s">
        <v>556</v>
      </c>
      <c r="I7" s="1" t="s">
        <v>657</v>
      </c>
      <c r="J7" s="1" t="s">
        <v>212</v>
      </c>
      <c r="K7" s="1" t="s">
        <v>482</v>
      </c>
      <c r="L7" s="1" t="s">
        <v>34</v>
      </c>
      <c r="N7" s="1" t="s">
        <v>232</v>
      </c>
      <c r="O7" s="1" t="s">
        <v>74</v>
      </c>
      <c r="P7" s="1" t="s">
        <v>56</v>
      </c>
      <c r="Q7" s="1" t="s">
        <v>99</v>
      </c>
      <c r="R7" s="1" t="s">
        <v>159</v>
      </c>
      <c r="S7" s="1" t="s">
        <v>416</v>
      </c>
      <c r="T7" s="1" t="s">
        <v>41</v>
      </c>
      <c r="U7" s="1">
        <v>10.5</v>
      </c>
      <c r="V7" s="3">
        <v>2200</v>
      </c>
      <c r="W7" s="1"/>
      <c r="X7" s="1">
        <v>0.71</v>
      </c>
      <c r="Y7" s="1">
        <v>1.7999999999999999E-2</v>
      </c>
      <c r="Z7" s="1">
        <v>1E-3</v>
      </c>
      <c r="AA7" s="1" t="s">
        <v>971</v>
      </c>
      <c r="AB7" s="1" t="s">
        <v>97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938</v>
      </c>
      <c r="BC7" s="1">
        <v>0.62</v>
      </c>
      <c r="BD7" s="1">
        <v>0.67</v>
      </c>
      <c r="BE7" s="1"/>
      <c r="BF7" s="1"/>
      <c r="BG7" s="1"/>
      <c r="BH7" s="1"/>
      <c r="BI7" s="1"/>
      <c r="BJ7" s="1"/>
      <c r="BK7" s="1"/>
      <c r="BL7" s="1"/>
      <c r="BM7" s="1">
        <v>0.04</v>
      </c>
      <c r="BN7" s="1">
        <v>8.0000000000000002E-3</v>
      </c>
      <c r="BO7" s="1">
        <v>11</v>
      </c>
      <c r="BP7" s="1">
        <v>2.4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75</v>
      </c>
      <c r="C8" s="1" t="s">
        <v>885</v>
      </c>
      <c r="D8" s="1" t="s">
        <v>27</v>
      </c>
      <c r="E8" s="1" t="s">
        <v>28</v>
      </c>
      <c r="F8" s="1" t="s">
        <v>274</v>
      </c>
      <c r="G8" s="1" t="s">
        <v>247</v>
      </c>
      <c r="H8" s="1" t="s">
        <v>539</v>
      </c>
      <c r="I8" s="1" t="s">
        <v>658</v>
      </c>
      <c r="J8" s="1" t="s">
        <v>212</v>
      </c>
      <c r="K8" s="1" t="s">
        <v>339</v>
      </c>
      <c r="L8" s="1" t="s">
        <v>34</v>
      </c>
      <c r="N8" s="1" t="s">
        <v>232</v>
      </c>
      <c r="O8" s="1" t="s">
        <v>74</v>
      </c>
      <c r="P8" s="1" t="s">
        <v>56</v>
      </c>
      <c r="Q8" s="1" t="s">
        <v>99</v>
      </c>
      <c r="R8" s="1" t="s">
        <v>109</v>
      </c>
      <c r="S8" s="1" t="s">
        <v>48</v>
      </c>
      <c r="T8" s="1" t="s">
        <v>59</v>
      </c>
      <c r="U8" s="1">
        <v>9.5</v>
      </c>
      <c r="V8" s="1"/>
      <c r="W8" s="1"/>
      <c r="X8" s="1"/>
      <c r="Y8" s="1"/>
      <c r="Z8" s="1"/>
      <c r="AA8" s="1" t="s">
        <v>971</v>
      </c>
      <c r="AB8" s="1" t="s">
        <v>971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>
        <v>11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39</v>
      </c>
      <c r="B9" s="2">
        <v>8.3333333333333329E-2</v>
      </c>
      <c r="C9" s="1" t="s">
        <v>885</v>
      </c>
      <c r="D9" s="1" t="s">
        <v>27</v>
      </c>
      <c r="E9" s="1" t="s">
        <v>28</v>
      </c>
      <c r="F9" s="1" t="s">
        <v>291</v>
      </c>
      <c r="G9" s="1" t="s">
        <v>417</v>
      </c>
      <c r="H9" s="1" t="s">
        <v>539</v>
      </c>
      <c r="I9" s="1" t="s">
        <v>659</v>
      </c>
      <c r="J9" s="1" t="s">
        <v>212</v>
      </c>
      <c r="K9" s="1" t="s">
        <v>287</v>
      </c>
      <c r="L9" s="1" t="s">
        <v>34</v>
      </c>
      <c r="N9" s="1" t="s">
        <v>232</v>
      </c>
      <c r="O9" s="1" t="s">
        <v>74</v>
      </c>
      <c r="P9" s="1" t="s">
        <v>56</v>
      </c>
      <c r="Q9" s="1" t="s">
        <v>144</v>
      </c>
      <c r="R9" s="1" t="s">
        <v>109</v>
      </c>
      <c r="S9" s="1" t="s">
        <v>196</v>
      </c>
      <c r="T9" s="1" t="s">
        <v>41</v>
      </c>
      <c r="U9" s="1">
        <v>10</v>
      </c>
      <c r="V9" s="1"/>
      <c r="W9" s="1"/>
      <c r="X9" s="1"/>
      <c r="Y9" s="1"/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1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45</v>
      </c>
      <c r="B10" s="2">
        <v>0.41666666666666669</v>
      </c>
      <c r="C10" s="1" t="s">
        <v>885</v>
      </c>
      <c r="D10" s="1" t="s">
        <v>27</v>
      </c>
      <c r="E10" s="1" t="s">
        <v>887</v>
      </c>
      <c r="F10" s="1" t="s">
        <v>660</v>
      </c>
      <c r="G10" s="1" t="s">
        <v>227</v>
      </c>
      <c r="H10" s="1" t="s">
        <v>548</v>
      </c>
      <c r="I10" s="1" t="s">
        <v>661</v>
      </c>
      <c r="J10" s="1" t="s">
        <v>254</v>
      </c>
      <c r="K10" s="1" t="s">
        <v>565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99</v>
      </c>
      <c r="R10" s="1" t="s">
        <v>58</v>
      </c>
      <c r="S10" s="1" t="s">
        <v>190</v>
      </c>
      <c r="T10" s="1" t="s">
        <v>59</v>
      </c>
      <c r="U10" s="1">
        <v>9.6</v>
      </c>
      <c r="V10" s="3">
        <v>490</v>
      </c>
      <c r="W10" s="1"/>
      <c r="X10" s="1">
        <v>0.73</v>
      </c>
      <c r="Y10" s="1">
        <v>1.7000000000000001E-2</v>
      </c>
      <c r="Z10" s="1">
        <v>4.0000000000000001E-3</v>
      </c>
      <c r="AA10" s="1" t="s">
        <v>970</v>
      </c>
      <c r="AB10" s="1" t="s">
        <v>940</v>
      </c>
      <c r="AC10" s="1" t="s">
        <v>923</v>
      </c>
      <c r="AD10" s="1" t="s">
        <v>924</v>
      </c>
      <c r="AE10" s="1" t="s">
        <v>927</v>
      </c>
      <c r="AF10" s="1" t="s">
        <v>926</v>
      </c>
      <c r="AG10" s="1" t="s">
        <v>927</v>
      </c>
      <c r="AH10" s="1" t="s">
        <v>925</v>
      </c>
      <c r="AI10" s="1"/>
      <c r="AJ10" s="1"/>
      <c r="AK10" s="1"/>
      <c r="AL10" s="1" t="s">
        <v>930</v>
      </c>
      <c r="AM10" s="1"/>
      <c r="AN10" s="1"/>
      <c r="AO10" s="1"/>
      <c r="AP10" t="s">
        <v>930</v>
      </c>
      <c r="AQ10" s="1"/>
      <c r="AR10" s="1" t="s">
        <v>930</v>
      </c>
      <c r="AS10" s="1" t="s">
        <v>930</v>
      </c>
      <c r="AT10" s="1"/>
      <c r="AU10" s="1"/>
      <c r="AV10" s="1"/>
      <c r="AW10" s="1"/>
      <c r="AX10" s="1"/>
      <c r="AY10" s="1"/>
      <c r="AZ10" s="1" t="s">
        <v>938</v>
      </c>
      <c r="BA10" s="1" t="s">
        <v>926</v>
      </c>
      <c r="BB10" s="1" t="s">
        <v>938</v>
      </c>
      <c r="BC10" s="1">
        <v>0.6</v>
      </c>
      <c r="BD10" s="1">
        <v>0.65</v>
      </c>
      <c r="BE10" s="1"/>
      <c r="BF10" s="1" t="s">
        <v>927</v>
      </c>
      <c r="BG10" s="1" t="s">
        <v>927</v>
      </c>
      <c r="BH10" s="1" t="s">
        <v>926</v>
      </c>
      <c r="BI10" s="1" t="s">
        <v>924</v>
      </c>
      <c r="BJ10" s="1"/>
      <c r="BK10" s="1"/>
      <c r="BL10" s="1"/>
      <c r="BM10" s="1" t="s">
        <v>945</v>
      </c>
      <c r="BN10" s="1">
        <v>8.9999999999999993E-3</v>
      </c>
      <c r="BO10" s="1">
        <v>11</v>
      </c>
      <c r="BP10" s="1">
        <v>2.6</v>
      </c>
      <c r="BQ10" s="1"/>
      <c r="BR10" s="1" t="s">
        <v>946</v>
      </c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5</v>
      </c>
      <c r="C11" s="1" t="s">
        <v>885</v>
      </c>
      <c r="D11" s="1" t="s">
        <v>27</v>
      </c>
      <c r="E11" s="1" t="s">
        <v>887</v>
      </c>
      <c r="F11" s="1" t="s">
        <v>545</v>
      </c>
      <c r="G11" s="1" t="s">
        <v>388</v>
      </c>
      <c r="H11" s="1" t="s">
        <v>394</v>
      </c>
      <c r="I11" s="1" t="s">
        <v>662</v>
      </c>
      <c r="J11" s="1" t="s">
        <v>254</v>
      </c>
      <c r="K11" s="1" t="s">
        <v>565</v>
      </c>
      <c r="L11" s="1" t="s">
        <v>34</v>
      </c>
      <c r="N11" s="1" t="s">
        <v>35</v>
      </c>
      <c r="O11" s="1" t="s">
        <v>74</v>
      </c>
      <c r="P11" s="1" t="s">
        <v>56</v>
      </c>
      <c r="Q11" s="1" t="s">
        <v>57</v>
      </c>
      <c r="R11" s="1" t="s">
        <v>39</v>
      </c>
      <c r="S11" s="1" t="s">
        <v>76</v>
      </c>
      <c r="T11" s="1" t="s">
        <v>110</v>
      </c>
      <c r="U11" s="1">
        <v>9.1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1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56</v>
      </c>
      <c r="B12" s="2">
        <v>8.3333333333333329E-2</v>
      </c>
      <c r="C12" s="1" t="s">
        <v>885</v>
      </c>
      <c r="D12" s="1" t="s">
        <v>68</v>
      </c>
      <c r="E12" s="1" t="s">
        <v>887</v>
      </c>
      <c r="F12" s="1" t="s">
        <v>297</v>
      </c>
      <c r="G12" s="1" t="s">
        <v>29</v>
      </c>
      <c r="H12" s="1" t="s">
        <v>403</v>
      </c>
      <c r="I12" s="1" t="s">
        <v>663</v>
      </c>
      <c r="J12" s="1" t="s">
        <v>212</v>
      </c>
      <c r="K12" s="1" t="s">
        <v>298</v>
      </c>
      <c r="L12" s="1" t="s">
        <v>34</v>
      </c>
      <c r="N12" s="1" t="s">
        <v>35</v>
      </c>
      <c r="O12" s="1" t="s">
        <v>74</v>
      </c>
      <c r="P12" s="1" t="s">
        <v>56</v>
      </c>
      <c r="Q12" s="1" t="s">
        <v>117</v>
      </c>
      <c r="R12" s="1" t="s">
        <v>189</v>
      </c>
      <c r="S12" s="1" t="s">
        <v>517</v>
      </c>
      <c r="T12" s="1" t="s">
        <v>110</v>
      </c>
      <c r="U12" s="1">
        <v>8.5</v>
      </c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>
        <v>11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84</v>
      </c>
      <c r="B13" s="2">
        <v>0.41666666666666669</v>
      </c>
      <c r="C13" s="1" t="s">
        <v>885</v>
      </c>
      <c r="D13" s="1" t="s">
        <v>68</v>
      </c>
      <c r="E13" s="1" t="s">
        <v>28</v>
      </c>
      <c r="F13" s="1" t="s">
        <v>664</v>
      </c>
      <c r="G13" s="1" t="s">
        <v>297</v>
      </c>
      <c r="H13" s="1" t="s">
        <v>385</v>
      </c>
      <c r="I13" s="1" t="s">
        <v>665</v>
      </c>
      <c r="J13" s="1" t="s">
        <v>254</v>
      </c>
      <c r="K13" s="1" t="s">
        <v>572</v>
      </c>
      <c r="L13" s="1" t="s">
        <v>34</v>
      </c>
      <c r="N13" s="1" t="s">
        <v>35</v>
      </c>
      <c r="O13" s="1" t="s">
        <v>74</v>
      </c>
      <c r="P13" s="1" t="s">
        <v>56</v>
      </c>
      <c r="Q13" s="1" t="s">
        <v>99</v>
      </c>
      <c r="R13" s="1" t="s">
        <v>82</v>
      </c>
      <c r="S13" s="1" t="s">
        <v>189</v>
      </c>
      <c r="T13" s="1" t="s">
        <v>110</v>
      </c>
      <c r="U13" s="1">
        <v>9.5</v>
      </c>
      <c r="V13" s="3">
        <v>700</v>
      </c>
      <c r="W13" s="1"/>
      <c r="X13" s="1">
        <v>0.63</v>
      </c>
      <c r="Y13" s="1">
        <v>1.0999999999999999E-2</v>
      </c>
      <c r="Z13" s="1" t="s">
        <v>931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938</v>
      </c>
      <c r="BC13" s="1">
        <v>0.45</v>
      </c>
      <c r="BD13" s="1">
        <v>0.5</v>
      </c>
      <c r="BE13" s="1"/>
      <c r="BF13" s="1"/>
      <c r="BG13" s="1"/>
      <c r="BH13" s="1"/>
      <c r="BI13" s="1"/>
      <c r="BJ13" s="1"/>
      <c r="BK13" s="1"/>
      <c r="BL13" s="1"/>
      <c r="BM13" s="1" t="s">
        <v>945</v>
      </c>
      <c r="BN13" s="1">
        <v>1.0999999999999999E-2</v>
      </c>
      <c r="BO13" s="1">
        <v>11</v>
      </c>
      <c r="BP13" s="1">
        <v>2.2000000000000002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75</v>
      </c>
      <c r="C14" s="1" t="s">
        <v>885</v>
      </c>
      <c r="D14" s="1" t="s">
        <v>68</v>
      </c>
      <c r="E14" s="1" t="s">
        <v>28</v>
      </c>
      <c r="F14" s="1" t="s">
        <v>666</v>
      </c>
      <c r="G14" s="1" t="s">
        <v>508</v>
      </c>
      <c r="H14" s="1" t="s">
        <v>408</v>
      </c>
      <c r="I14" s="1" t="s">
        <v>667</v>
      </c>
      <c r="J14" s="1" t="s">
        <v>212</v>
      </c>
      <c r="K14" s="1" t="s">
        <v>149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99</v>
      </c>
      <c r="R14" s="1" t="s">
        <v>159</v>
      </c>
      <c r="S14" s="1" t="s">
        <v>76</v>
      </c>
      <c r="T14" s="1" t="s">
        <v>126</v>
      </c>
      <c r="U14" s="1">
        <v>8.4</v>
      </c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66</v>
      </c>
      <c r="B15" s="2">
        <v>8.3333333333333329E-2</v>
      </c>
      <c r="C15" s="1" t="s">
        <v>885</v>
      </c>
      <c r="D15" s="1" t="s">
        <v>68</v>
      </c>
      <c r="E15" s="1" t="s">
        <v>28</v>
      </c>
      <c r="F15" s="1" t="s">
        <v>668</v>
      </c>
      <c r="G15" s="1" t="s">
        <v>60</v>
      </c>
      <c r="H15" s="1" t="s">
        <v>194</v>
      </c>
      <c r="I15" s="1" t="s">
        <v>669</v>
      </c>
      <c r="J15" s="1" t="s">
        <v>212</v>
      </c>
      <c r="K15" s="1" t="s">
        <v>287</v>
      </c>
      <c r="L15" s="1" t="s">
        <v>34</v>
      </c>
      <c r="N15" s="1" t="s">
        <v>35</v>
      </c>
      <c r="O15" s="1" t="s">
        <v>74</v>
      </c>
      <c r="P15" s="1" t="s">
        <v>56</v>
      </c>
      <c r="Q15" s="1" t="s">
        <v>99</v>
      </c>
      <c r="R15" s="1" t="s">
        <v>132</v>
      </c>
      <c r="S15" s="1" t="s">
        <v>40</v>
      </c>
      <c r="T15" s="1" t="s">
        <v>110</v>
      </c>
      <c r="U15" s="1">
        <v>8.6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1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272</v>
      </c>
      <c r="B16" s="2">
        <v>0.41666666666666669</v>
      </c>
      <c r="C16" s="1" t="s">
        <v>885</v>
      </c>
      <c r="D16" s="1" t="s">
        <v>27</v>
      </c>
      <c r="E16" s="1" t="s">
        <v>28</v>
      </c>
      <c r="F16" s="1" t="s">
        <v>445</v>
      </c>
      <c r="G16" s="1" t="s">
        <v>60</v>
      </c>
      <c r="H16" s="1" t="s">
        <v>641</v>
      </c>
      <c r="I16" s="1" t="s">
        <v>670</v>
      </c>
      <c r="J16" s="1" t="s">
        <v>242</v>
      </c>
      <c r="K16" s="1" t="s">
        <v>123</v>
      </c>
      <c r="L16" s="1" t="s">
        <v>34</v>
      </c>
      <c r="N16" s="1" t="s">
        <v>232</v>
      </c>
      <c r="O16" s="1" t="s">
        <v>74</v>
      </c>
      <c r="P16" s="1" t="s">
        <v>56</v>
      </c>
      <c r="Q16" s="1" t="s">
        <v>57</v>
      </c>
      <c r="R16" s="1" t="s">
        <v>177</v>
      </c>
      <c r="S16" s="1" t="s">
        <v>196</v>
      </c>
      <c r="T16" s="1" t="s">
        <v>59</v>
      </c>
      <c r="U16" s="1">
        <v>10</v>
      </c>
      <c r="V16" s="3">
        <v>1700</v>
      </c>
      <c r="W16" s="1" t="s">
        <v>929</v>
      </c>
      <c r="X16" s="1">
        <v>0.52</v>
      </c>
      <c r="Y16" s="1">
        <v>1.7999999999999999E-2</v>
      </c>
      <c r="Z16" s="1">
        <v>1E-3</v>
      </c>
      <c r="AA16" s="1" t="s">
        <v>970</v>
      </c>
      <c r="AB16" s="1" t="s">
        <v>972</v>
      </c>
      <c r="AC16" s="1" t="s">
        <v>923</v>
      </c>
      <c r="AD16" s="1" t="s">
        <v>924</v>
      </c>
      <c r="AE16" s="1" t="s">
        <v>927</v>
      </c>
      <c r="AF16" s="1" t="s">
        <v>926</v>
      </c>
      <c r="AG16" s="1" t="s">
        <v>927</v>
      </c>
      <c r="AH16" s="1" t="s">
        <v>925</v>
      </c>
      <c r="AI16" s="1"/>
      <c r="AJ16" s="1" t="s">
        <v>925</v>
      </c>
      <c r="AK16" s="1" t="s">
        <v>930</v>
      </c>
      <c r="AL16" s="1" t="s">
        <v>930</v>
      </c>
      <c r="AM16" s="1" t="s">
        <v>930</v>
      </c>
      <c r="AN16" s="1" t="s">
        <v>930</v>
      </c>
      <c r="AO16" s="1" t="s">
        <v>930</v>
      </c>
      <c r="AP16" t="s">
        <v>930</v>
      </c>
      <c r="AQ16" s="1" t="s">
        <v>930</v>
      </c>
      <c r="AR16" s="1" t="s">
        <v>930</v>
      </c>
      <c r="AS16" s="1" t="s">
        <v>930</v>
      </c>
      <c r="AT16" s="1" t="s">
        <v>939</v>
      </c>
      <c r="AU16" s="1" t="s">
        <v>925</v>
      </c>
      <c r="AV16" s="1" t="s">
        <v>923</v>
      </c>
      <c r="AW16" s="1" t="s">
        <v>923</v>
      </c>
      <c r="AX16" s="1" t="s">
        <v>930</v>
      </c>
      <c r="AY16" s="1" t="s">
        <v>937</v>
      </c>
      <c r="AZ16" s="1" t="s">
        <v>938</v>
      </c>
      <c r="BA16" s="1" t="s">
        <v>926</v>
      </c>
      <c r="BB16" s="1" t="s">
        <v>938</v>
      </c>
      <c r="BC16" s="1">
        <v>0.42</v>
      </c>
      <c r="BD16" s="1">
        <v>0.47</v>
      </c>
      <c r="BE16" s="1" t="s">
        <v>927</v>
      </c>
      <c r="BF16" s="1" t="s">
        <v>927</v>
      </c>
      <c r="BG16" s="1" t="s">
        <v>927</v>
      </c>
      <c r="BH16" s="1">
        <v>0.02</v>
      </c>
      <c r="BI16" s="1" t="s">
        <v>924</v>
      </c>
      <c r="BJ16" s="1" t="s">
        <v>926</v>
      </c>
      <c r="BK16" s="1" t="s">
        <v>925</v>
      </c>
      <c r="BL16" s="1" t="s">
        <v>947</v>
      </c>
      <c r="BM16" s="1">
        <v>0.05</v>
      </c>
      <c r="BN16" s="1">
        <v>7.0000000000000001E-3</v>
      </c>
      <c r="BO16" s="1">
        <v>9.1999999999999993</v>
      </c>
      <c r="BP16" s="1">
        <v>1.8</v>
      </c>
      <c r="BQ16" s="1"/>
      <c r="BR16" s="1" t="s">
        <v>946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5</v>
      </c>
      <c r="C17" s="1" t="s">
        <v>885</v>
      </c>
      <c r="D17" s="1" t="s">
        <v>27</v>
      </c>
      <c r="E17" s="1" t="s">
        <v>28</v>
      </c>
      <c r="F17" s="1" t="s">
        <v>435</v>
      </c>
      <c r="G17" s="1" t="s">
        <v>102</v>
      </c>
      <c r="H17" s="1" t="s">
        <v>496</v>
      </c>
      <c r="I17" s="1" t="s">
        <v>671</v>
      </c>
      <c r="J17" s="1" t="s">
        <v>300</v>
      </c>
      <c r="K17" s="1" t="s">
        <v>53</v>
      </c>
      <c r="L17" s="1" t="s">
        <v>34</v>
      </c>
      <c r="N17" s="1" t="s">
        <v>232</v>
      </c>
      <c r="O17" s="1" t="s">
        <v>74</v>
      </c>
      <c r="P17" s="1" t="s">
        <v>56</v>
      </c>
      <c r="Q17" s="1" t="s">
        <v>57</v>
      </c>
      <c r="R17" s="1" t="s">
        <v>159</v>
      </c>
      <c r="S17" s="1" t="s">
        <v>58</v>
      </c>
      <c r="T17" s="1" t="s">
        <v>110</v>
      </c>
      <c r="U17" s="1">
        <v>8.6999999999999993</v>
      </c>
      <c r="V17" s="1"/>
      <c r="W17" s="1"/>
      <c r="X17" s="1"/>
      <c r="Y17" s="1"/>
      <c r="Z17" s="1"/>
      <c r="AA17" s="1" t="s">
        <v>971</v>
      </c>
      <c r="AB17" s="1" t="s">
        <v>971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9.1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84</v>
      </c>
      <c r="B18" s="2">
        <v>8.3333333333333329E-2</v>
      </c>
      <c r="C18" s="1" t="s">
        <v>885</v>
      </c>
      <c r="D18" s="1" t="s">
        <v>27</v>
      </c>
      <c r="E18" s="1" t="s">
        <v>28</v>
      </c>
      <c r="F18" s="1" t="s">
        <v>442</v>
      </c>
      <c r="G18" s="1" t="s">
        <v>257</v>
      </c>
      <c r="H18" s="1" t="s">
        <v>496</v>
      </c>
      <c r="I18" s="1" t="s">
        <v>672</v>
      </c>
      <c r="J18" s="1" t="s">
        <v>242</v>
      </c>
      <c r="K18" s="1" t="s">
        <v>280</v>
      </c>
      <c r="L18" s="1" t="s">
        <v>34</v>
      </c>
      <c r="N18" s="1" t="s">
        <v>232</v>
      </c>
      <c r="O18" s="1" t="s">
        <v>74</v>
      </c>
      <c r="P18" s="1" t="s">
        <v>56</v>
      </c>
      <c r="Q18" s="1" t="s">
        <v>144</v>
      </c>
      <c r="R18" s="1" t="s">
        <v>404</v>
      </c>
      <c r="S18" s="1" t="s">
        <v>48</v>
      </c>
      <c r="T18" s="1" t="s">
        <v>59</v>
      </c>
      <c r="U18" s="1">
        <v>9.1999999999999993</v>
      </c>
      <c r="V18" s="1"/>
      <c r="W18" s="1"/>
      <c r="X18" s="1"/>
      <c r="Y18" s="1"/>
      <c r="Z18" s="1"/>
      <c r="AA18" s="1" t="s">
        <v>971</v>
      </c>
      <c r="AB18" s="1" t="s">
        <v>971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9.4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119</v>
      </c>
      <c r="B19" s="2">
        <v>0.41666666666666669</v>
      </c>
      <c r="C19" s="1" t="s">
        <v>885</v>
      </c>
      <c r="D19" s="1" t="s">
        <v>68</v>
      </c>
      <c r="E19" s="1" t="s">
        <v>887</v>
      </c>
      <c r="F19" s="1" t="s">
        <v>85</v>
      </c>
      <c r="G19" s="1" t="s">
        <v>304</v>
      </c>
      <c r="H19" s="1" t="s">
        <v>390</v>
      </c>
      <c r="I19" s="1" t="s">
        <v>673</v>
      </c>
      <c r="J19" s="1" t="s">
        <v>418</v>
      </c>
      <c r="K19" s="1" t="s">
        <v>339</v>
      </c>
      <c r="L19" s="1" t="s">
        <v>34</v>
      </c>
      <c r="N19" s="1" t="s">
        <v>232</v>
      </c>
      <c r="O19" s="1" t="s">
        <v>74</v>
      </c>
      <c r="P19" s="1" t="s">
        <v>56</v>
      </c>
      <c r="Q19" s="1" t="s">
        <v>144</v>
      </c>
      <c r="R19" s="1" t="s">
        <v>109</v>
      </c>
      <c r="S19" s="1" t="s">
        <v>416</v>
      </c>
      <c r="T19" s="1" t="s">
        <v>41</v>
      </c>
      <c r="U19" s="1">
        <v>9.4</v>
      </c>
      <c r="V19" s="3">
        <v>1700</v>
      </c>
      <c r="W19" s="1"/>
      <c r="X19" s="1">
        <v>0.71</v>
      </c>
      <c r="Y19" s="1">
        <v>6.0000000000000001E-3</v>
      </c>
      <c r="Z19" s="1">
        <v>1E-3</v>
      </c>
      <c r="AA19" s="1" t="s">
        <v>971</v>
      </c>
      <c r="AB19" s="1" t="s">
        <v>97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938</v>
      </c>
      <c r="BC19" s="1">
        <v>0.61</v>
      </c>
      <c r="BD19" s="1">
        <v>0.66</v>
      </c>
      <c r="BE19" s="1"/>
      <c r="BF19" s="1"/>
      <c r="BG19" s="1"/>
      <c r="BH19" s="1"/>
      <c r="BI19" s="1"/>
      <c r="BJ19" s="1"/>
      <c r="BK19" s="1"/>
      <c r="BL19" s="1"/>
      <c r="BM19" s="1">
        <v>0.05</v>
      </c>
      <c r="BN19" s="1">
        <v>6.0000000000000001E-3</v>
      </c>
      <c r="BO19" s="1">
        <v>10</v>
      </c>
      <c r="BP19" s="1">
        <v>2.2999999999999998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B20" s="2">
        <v>0.75</v>
      </c>
      <c r="C20" s="1" t="s">
        <v>885</v>
      </c>
      <c r="D20" s="1" t="s">
        <v>27</v>
      </c>
      <c r="E20" s="1" t="s">
        <v>887</v>
      </c>
      <c r="F20" s="1" t="s">
        <v>50</v>
      </c>
      <c r="G20" s="1" t="s">
        <v>86</v>
      </c>
      <c r="H20" s="1" t="s">
        <v>493</v>
      </c>
      <c r="I20" s="1" t="s">
        <v>674</v>
      </c>
      <c r="J20" s="1" t="s">
        <v>254</v>
      </c>
      <c r="K20" s="1" t="s">
        <v>675</v>
      </c>
      <c r="L20" s="1" t="s">
        <v>34</v>
      </c>
      <c r="N20" s="1" t="s">
        <v>232</v>
      </c>
      <c r="O20" s="1" t="s">
        <v>74</v>
      </c>
      <c r="P20" s="1" t="s">
        <v>56</v>
      </c>
      <c r="Q20" s="1" t="s">
        <v>144</v>
      </c>
      <c r="R20" s="1" t="s">
        <v>132</v>
      </c>
      <c r="S20" s="1" t="s">
        <v>82</v>
      </c>
      <c r="T20" s="1" t="s">
        <v>41</v>
      </c>
      <c r="U20" s="1">
        <v>8.8000000000000007</v>
      </c>
      <c r="V20" s="1"/>
      <c r="W20" s="1"/>
      <c r="X20" s="1"/>
      <c r="Y20" s="1"/>
      <c r="Z20" s="1"/>
      <c r="AA20" s="1" t="s">
        <v>971</v>
      </c>
      <c r="AB20" s="1" t="s">
        <v>971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>
        <v>1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 t="s">
        <v>303</v>
      </c>
      <c r="B21" s="2">
        <v>8.3333333333333329E-2</v>
      </c>
      <c r="C21" s="1" t="s">
        <v>885</v>
      </c>
      <c r="D21" s="1" t="s">
        <v>27</v>
      </c>
      <c r="E21" s="1" t="s">
        <v>887</v>
      </c>
      <c r="F21" s="1" t="s">
        <v>333</v>
      </c>
      <c r="G21" s="1" t="s">
        <v>605</v>
      </c>
      <c r="H21" s="1" t="s">
        <v>314</v>
      </c>
      <c r="I21" s="1" t="s">
        <v>676</v>
      </c>
      <c r="J21" s="1" t="s">
        <v>254</v>
      </c>
      <c r="K21" s="1" t="s">
        <v>572</v>
      </c>
      <c r="L21" s="1" t="s">
        <v>34</v>
      </c>
      <c r="N21" s="1" t="s">
        <v>232</v>
      </c>
      <c r="O21" s="1" t="s">
        <v>74</v>
      </c>
      <c r="P21" s="1" t="s">
        <v>56</v>
      </c>
      <c r="Q21" s="1" t="s">
        <v>144</v>
      </c>
      <c r="R21" s="1" t="s">
        <v>109</v>
      </c>
      <c r="S21" s="1" t="s">
        <v>58</v>
      </c>
      <c r="T21" s="1" t="s">
        <v>41</v>
      </c>
      <c r="U21" s="1">
        <v>10</v>
      </c>
      <c r="V21" s="1"/>
      <c r="W21" s="1"/>
      <c r="X21" s="1"/>
      <c r="Y21" s="1"/>
      <c r="Z21" s="1"/>
      <c r="AA21" s="1" t="s">
        <v>971</v>
      </c>
      <c r="AB21" s="1" t="s">
        <v>97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309</v>
      </c>
      <c r="B22" s="2">
        <v>0.41666666666666669</v>
      </c>
      <c r="C22" s="1" t="s">
        <v>885</v>
      </c>
      <c r="D22" s="1" t="s">
        <v>27</v>
      </c>
      <c r="E22" s="1" t="s">
        <v>28</v>
      </c>
      <c r="F22" s="1" t="s">
        <v>297</v>
      </c>
      <c r="G22" s="1" t="s">
        <v>78</v>
      </c>
      <c r="H22" s="1" t="s">
        <v>557</v>
      </c>
      <c r="I22" s="1" t="s">
        <v>677</v>
      </c>
      <c r="J22" s="1" t="s">
        <v>418</v>
      </c>
      <c r="K22" s="1" t="s">
        <v>164</v>
      </c>
      <c r="L22" s="1" t="s">
        <v>34</v>
      </c>
      <c r="N22" s="1" t="s">
        <v>35</v>
      </c>
      <c r="O22" s="1" t="s">
        <v>74</v>
      </c>
      <c r="P22" s="1" t="s">
        <v>56</v>
      </c>
      <c r="Q22" s="1" t="s">
        <v>99</v>
      </c>
      <c r="R22" s="1" t="s">
        <v>109</v>
      </c>
      <c r="S22" s="1" t="s">
        <v>152</v>
      </c>
      <c r="T22" s="1" t="s">
        <v>538</v>
      </c>
      <c r="U22" s="1">
        <v>10.5</v>
      </c>
      <c r="V22" s="3">
        <v>1300</v>
      </c>
      <c r="W22" s="1"/>
      <c r="X22" s="1">
        <v>1.3</v>
      </c>
      <c r="Y22" s="1">
        <v>2.5000000000000001E-2</v>
      </c>
      <c r="Z22" s="1">
        <v>4.0000000000000001E-3</v>
      </c>
      <c r="AA22" s="1" t="s">
        <v>970</v>
      </c>
      <c r="AB22" s="1" t="s">
        <v>982</v>
      </c>
      <c r="AC22" s="1" t="s">
        <v>923</v>
      </c>
      <c r="AD22" s="1" t="s">
        <v>924</v>
      </c>
      <c r="AE22" s="1" t="s">
        <v>927</v>
      </c>
      <c r="AF22" s="1" t="s">
        <v>926</v>
      </c>
      <c r="AG22" s="1" t="s">
        <v>927</v>
      </c>
      <c r="AH22" s="1" t="s">
        <v>925</v>
      </c>
      <c r="AI22" s="1"/>
      <c r="AJ22" s="1"/>
      <c r="AK22" s="1"/>
      <c r="AL22" s="1" t="s">
        <v>930</v>
      </c>
      <c r="AM22" s="1"/>
      <c r="AN22" s="1"/>
      <c r="AO22" s="1"/>
      <c r="AP22" t="s">
        <v>930</v>
      </c>
      <c r="AQ22" s="1"/>
      <c r="AR22" s="1" t="s">
        <v>930</v>
      </c>
      <c r="AS22" s="1" t="s">
        <v>930</v>
      </c>
      <c r="AT22" s="1"/>
      <c r="AU22" s="1"/>
      <c r="AV22" s="1"/>
      <c r="AW22" s="1"/>
      <c r="AX22" s="1"/>
      <c r="AY22" s="1"/>
      <c r="AZ22" s="1" t="s">
        <v>938</v>
      </c>
      <c r="BA22" s="1" t="s">
        <v>926</v>
      </c>
      <c r="BB22" s="1" t="s">
        <v>938</v>
      </c>
      <c r="BC22" s="1">
        <v>1.1000000000000001</v>
      </c>
      <c r="BD22" s="1">
        <v>1.1000000000000001</v>
      </c>
      <c r="BE22" s="1"/>
      <c r="BF22" s="1" t="s">
        <v>927</v>
      </c>
      <c r="BG22" s="1" t="s">
        <v>927</v>
      </c>
      <c r="BH22" s="1" t="s">
        <v>926</v>
      </c>
      <c r="BI22" s="1" t="s">
        <v>924</v>
      </c>
      <c r="BJ22" s="1"/>
      <c r="BK22" s="1"/>
      <c r="BL22" s="1"/>
      <c r="BM22" s="1">
        <v>0.04</v>
      </c>
      <c r="BN22" s="1">
        <v>8.9999999999999993E-3</v>
      </c>
      <c r="BO22" s="1">
        <v>13</v>
      </c>
      <c r="BP22" s="1">
        <v>2.9</v>
      </c>
      <c r="BQ22" s="1"/>
      <c r="BR22" s="1" t="s">
        <v>946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5</v>
      </c>
      <c r="C23" s="1" t="s">
        <v>885</v>
      </c>
      <c r="D23" s="1" t="s">
        <v>27</v>
      </c>
      <c r="E23" s="1" t="s">
        <v>28</v>
      </c>
      <c r="F23" s="1" t="s">
        <v>209</v>
      </c>
      <c r="G23" s="1" t="s">
        <v>214</v>
      </c>
      <c r="H23" s="1" t="s">
        <v>649</v>
      </c>
      <c r="I23" s="1" t="s">
        <v>678</v>
      </c>
      <c r="J23" s="1" t="s">
        <v>212</v>
      </c>
      <c r="K23" s="1" t="s">
        <v>157</v>
      </c>
      <c r="L23" s="1" t="s">
        <v>34</v>
      </c>
      <c r="N23" s="1" t="s">
        <v>35</v>
      </c>
      <c r="O23" s="1" t="s">
        <v>74</v>
      </c>
      <c r="P23" s="1" t="s">
        <v>56</v>
      </c>
      <c r="Q23" s="1" t="s">
        <v>144</v>
      </c>
      <c r="R23" s="1" t="s">
        <v>547</v>
      </c>
      <c r="S23" s="1" t="s">
        <v>47</v>
      </c>
      <c r="T23" s="1" t="s">
        <v>538</v>
      </c>
      <c r="U23" s="1">
        <v>8.6999999999999993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3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33</v>
      </c>
      <c r="B24" s="2">
        <v>8.3333333333333329E-2</v>
      </c>
      <c r="C24" s="1" t="s">
        <v>885</v>
      </c>
      <c r="D24" s="1" t="s">
        <v>27</v>
      </c>
      <c r="E24" s="1" t="s">
        <v>28</v>
      </c>
      <c r="F24" s="1" t="s">
        <v>154</v>
      </c>
      <c r="G24" s="1" t="s">
        <v>606</v>
      </c>
      <c r="H24" s="1" t="s">
        <v>649</v>
      </c>
      <c r="I24" s="1" t="s">
        <v>679</v>
      </c>
      <c r="J24" s="1" t="s">
        <v>418</v>
      </c>
      <c r="K24" s="1" t="s">
        <v>575</v>
      </c>
      <c r="L24" s="1" t="s">
        <v>34</v>
      </c>
      <c r="N24" s="1" t="s">
        <v>35</v>
      </c>
      <c r="O24" s="1" t="s">
        <v>74</v>
      </c>
      <c r="P24" s="1" t="s">
        <v>56</v>
      </c>
      <c r="Q24" s="1" t="s">
        <v>144</v>
      </c>
      <c r="R24" s="1" t="s">
        <v>404</v>
      </c>
      <c r="S24" s="1" t="s">
        <v>58</v>
      </c>
      <c r="T24" s="1" t="s">
        <v>538</v>
      </c>
      <c r="U24" s="1">
        <v>9.1999999999999993</v>
      </c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>
        <v>13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320</v>
      </c>
      <c r="B25" s="2">
        <v>0.41666666666666669</v>
      </c>
      <c r="C25" s="1" t="s">
        <v>885</v>
      </c>
      <c r="D25" s="1" t="s">
        <v>27</v>
      </c>
      <c r="E25" s="1" t="s">
        <v>887</v>
      </c>
      <c r="F25" s="1" t="s">
        <v>566</v>
      </c>
      <c r="G25" s="1" t="s">
        <v>209</v>
      </c>
      <c r="H25" s="1" t="s">
        <v>294</v>
      </c>
      <c r="I25" s="1" t="s">
        <v>680</v>
      </c>
      <c r="J25" s="1" t="s">
        <v>407</v>
      </c>
      <c r="K25" s="1" t="s">
        <v>258</v>
      </c>
      <c r="L25" s="1" t="s">
        <v>34</v>
      </c>
      <c r="N25" s="1" t="s">
        <v>35</v>
      </c>
      <c r="O25" s="1" t="s">
        <v>74</v>
      </c>
      <c r="P25" s="1" t="s">
        <v>56</v>
      </c>
      <c r="Q25" s="1" t="s">
        <v>38</v>
      </c>
      <c r="R25" s="1" t="s">
        <v>159</v>
      </c>
      <c r="S25" s="1" t="s">
        <v>39</v>
      </c>
      <c r="T25" s="1" t="s">
        <v>538</v>
      </c>
      <c r="U25" s="1">
        <v>10.7</v>
      </c>
      <c r="V25" s="3">
        <v>1300</v>
      </c>
      <c r="W25" s="1"/>
      <c r="X25" s="1">
        <v>1.2</v>
      </c>
      <c r="Y25" s="1">
        <v>1.6E-2</v>
      </c>
      <c r="Z25" s="1">
        <v>2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938</v>
      </c>
      <c r="BC25" s="1">
        <v>1</v>
      </c>
      <c r="BD25" s="1">
        <v>1</v>
      </c>
      <c r="BE25" s="1"/>
      <c r="BF25" s="1"/>
      <c r="BG25" s="1"/>
      <c r="BH25" s="1"/>
      <c r="BI25" s="1"/>
      <c r="BJ25" s="1"/>
      <c r="BK25" s="1"/>
      <c r="BL25" s="1"/>
      <c r="BM25" s="1">
        <v>0.04</v>
      </c>
      <c r="BN25" s="1">
        <v>0.01</v>
      </c>
      <c r="BO25" s="1">
        <v>14</v>
      </c>
      <c r="BP25" s="1">
        <v>2.9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75</v>
      </c>
      <c r="C26" s="1" t="s">
        <v>885</v>
      </c>
      <c r="D26" s="1" t="s">
        <v>27</v>
      </c>
      <c r="E26" s="1" t="s">
        <v>887</v>
      </c>
      <c r="F26" s="1" t="s">
        <v>563</v>
      </c>
      <c r="G26" s="1" t="s">
        <v>220</v>
      </c>
      <c r="H26" s="1" t="s">
        <v>306</v>
      </c>
      <c r="I26" s="1" t="s">
        <v>681</v>
      </c>
      <c r="J26" s="1" t="s">
        <v>407</v>
      </c>
      <c r="K26" s="1" t="s">
        <v>496</v>
      </c>
      <c r="L26" s="1" t="s">
        <v>34</v>
      </c>
      <c r="N26" s="1" t="s">
        <v>35</v>
      </c>
      <c r="O26" s="1" t="s">
        <v>74</v>
      </c>
      <c r="P26" s="1" t="s">
        <v>56</v>
      </c>
      <c r="Q26" s="1" t="s">
        <v>108</v>
      </c>
      <c r="R26" s="1" t="s">
        <v>109</v>
      </c>
      <c r="S26" s="1" t="s">
        <v>416</v>
      </c>
      <c r="T26" s="1" t="s">
        <v>538</v>
      </c>
      <c r="U26" s="1">
        <v>9.5</v>
      </c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14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30</v>
      </c>
      <c r="B27" s="2">
        <v>8.3333333333333329E-2</v>
      </c>
      <c r="C27" s="1" t="s">
        <v>885</v>
      </c>
      <c r="D27" s="1" t="s">
        <v>27</v>
      </c>
      <c r="E27" s="1" t="s">
        <v>887</v>
      </c>
      <c r="F27" s="1" t="s">
        <v>682</v>
      </c>
      <c r="G27" s="1" t="s">
        <v>155</v>
      </c>
      <c r="H27" s="1" t="s">
        <v>237</v>
      </c>
      <c r="I27" s="1" t="s">
        <v>683</v>
      </c>
      <c r="J27" s="1" t="s">
        <v>384</v>
      </c>
      <c r="K27" s="1" t="s">
        <v>496</v>
      </c>
      <c r="L27" s="1" t="s">
        <v>34</v>
      </c>
      <c r="N27" s="1" t="s">
        <v>35</v>
      </c>
      <c r="O27" s="1" t="s">
        <v>74</v>
      </c>
      <c r="P27" s="1" t="s">
        <v>56</v>
      </c>
      <c r="Q27" s="1" t="s">
        <v>144</v>
      </c>
      <c r="R27" s="1" t="s">
        <v>47</v>
      </c>
      <c r="S27" s="1" t="s">
        <v>92</v>
      </c>
      <c r="T27" s="1" t="s">
        <v>538</v>
      </c>
      <c r="U27" s="1">
        <v>9.5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4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61</v>
      </c>
      <c r="B28" s="2">
        <v>0.41666666666666669</v>
      </c>
      <c r="C28" s="1" t="s">
        <v>885</v>
      </c>
      <c r="D28" s="1" t="s">
        <v>68</v>
      </c>
      <c r="E28" s="1" t="s">
        <v>887</v>
      </c>
      <c r="F28" s="1" t="s">
        <v>462</v>
      </c>
      <c r="G28" s="1" t="s">
        <v>606</v>
      </c>
      <c r="H28" s="1" t="s">
        <v>294</v>
      </c>
      <c r="I28" s="1" t="s">
        <v>684</v>
      </c>
      <c r="J28" s="1" t="s">
        <v>407</v>
      </c>
      <c r="K28" s="1" t="s">
        <v>142</v>
      </c>
      <c r="L28" s="1" t="s">
        <v>34</v>
      </c>
      <c r="N28" s="1" t="s">
        <v>35</v>
      </c>
      <c r="O28" s="1" t="s">
        <v>74</v>
      </c>
      <c r="P28" s="1" t="s">
        <v>56</v>
      </c>
      <c r="Q28" s="1" t="s">
        <v>57</v>
      </c>
      <c r="R28" s="1" t="s">
        <v>58</v>
      </c>
      <c r="S28" s="1" t="s">
        <v>40</v>
      </c>
      <c r="T28" s="1" t="s">
        <v>41</v>
      </c>
      <c r="U28" s="1">
        <v>9.4</v>
      </c>
      <c r="V28" s="3">
        <v>490</v>
      </c>
      <c r="W28" s="1"/>
      <c r="X28" s="1">
        <v>1.1000000000000001</v>
      </c>
      <c r="Y28" s="1">
        <v>3.9E-2</v>
      </c>
      <c r="Z28" s="1">
        <v>6.0000000000000001E-3</v>
      </c>
      <c r="AA28" t="s">
        <v>970</v>
      </c>
      <c r="AB28" t="s">
        <v>973</v>
      </c>
      <c r="AC28" s="1" t="s">
        <v>923</v>
      </c>
      <c r="AD28" s="1" t="s">
        <v>924</v>
      </c>
      <c r="AE28" s="1" t="s">
        <v>927</v>
      </c>
      <c r="AF28" s="1" t="s">
        <v>926</v>
      </c>
      <c r="AG28" s="1" t="s">
        <v>927</v>
      </c>
      <c r="AH28" s="1" t="s">
        <v>925</v>
      </c>
      <c r="AI28" s="1"/>
      <c r="AJ28" s="1"/>
      <c r="AK28" s="1"/>
      <c r="AL28" s="1" t="s">
        <v>930</v>
      </c>
      <c r="AM28" s="1"/>
      <c r="AN28" s="1"/>
      <c r="AO28" s="1"/>
      <c r="AP28" t="s">
        <v>930</v>
      </c>
      <c r="AQ28" s="1"/>
      <c r="AR28" s="1" t="s">
        <v>930</v>
      </c>
      <c r="AS28" s="1" t="s">
        <v>930</v>
      </c>
      <c r="AT28" s="1"/>
      <c r="AU28" s="1"/>
      <c r="AV28" s="1"/>
      <c r="AW28" s="1"/>
      <c r="AX28" s="1"/>
      <c r="AY28" s="1"/>
      <c r="AZ28" s="1" t="s">
        <v>938</v>
      </c>
      <c r="BA28" s="1" t="s">
        <v>926</v>
      </c>
      <c r="BB28" s="1" t="s">
        <v>938</v>
      </c>
      <c r="BC28" s="1">
        <v>0.95</v>
      </c>
      <c r="BD28" s="1">
        <v>1</v>
      </c>
      <c r="BF28" s="1" t="s">
        <v>927</v>
      </c>
      <c r="BG28" s="1" t="s">
        <v>927</v>
      </c>
      <c r="BH28" s="1" t="s">
        <v>926</v>
      </c>
      <c r="BI28" s="1" t="s">
        <v>924</v>
      </c>
      <c r="BJ28" s="1"/>
      <c r="BK28" s="1"/>
      <c r="BL28" s="1"/>
      <c r="BM28" s="1">
        <v>0.08</v>
      </c>
      <c r="BN28" s="1">
        <v>2.5000000000000001E-2</v>
      </c>
      <c r="BO28" s="1">
        <v>13</v>
      </c>
      <c r="BP28" s="1">
        <v>3.7</v>
      </c>
      <c r="BQ28" s="1"/>
      <c r="BR28" s="1" t="s">
        <v>946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75</v>
      </c>
      <c r="C29" s="1" t="s">
        <v>885</v>
      </c>
      <c r="D29" s="1" t="s">
        <v>68</v>
      </c>
      <c r="E29" s="1" t="s">
        <v>887</v>
      </c>
      <c r="F29" s="1" t="s">
        <v>327</v>
      </c>
      <c r="G29" s="1" t="s">
        <v>516</v>
      </c>
      <c r="H29" s="1" t="s">
        <v>237</v>
      </c>
      <c r="I29" s="1" t="s">
        <v>685</v>
      </c>
      <c r="J29" s="1" t="s">
        <v>384</v>
      </c>
      <c r="K29" s="1" t="s">
        <v>142</v>
      </c>
      <c r="L29" s="1" t="s">
        <v>34</v>
      </c>
      <c r="N29" s="1" t="s">
        <v>35</v>
      </c>
      <c r="O29" s="1" t="s">
        <v>74</v>
      </c>
      <c r="P29" s="1" t="s">
        <v>56</v>
      </c>
      <c r="Q29" s="1" t="s">
        <v>144</v>
      </c>
      <c r="R29" s="1" t="s">
        <v>47</v>
      </c>
      <c r="S29" s="1" t="s">
        <v>196</v>
      </c>
      <c r="T29" s="1" t="s">
        <v>41</v>
      </c>
      <c r="U29" s="1">
        <v>9.1999999999999993</v>
      </c>
      <c r="V29" s="1"/>
      <c r="W29" s="1"/>
      <c r="X29" s="1"/>
      <c r="Y29" s="1"/>
      <c r="Z29" s="1"/>
      <c r="AA29" t="s">
        <v>971</v>
      </c>
      <c r="AB29" t="s">
        <v>971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14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 t="s">
        <v>343</v>
      </c>
      <c r="B30" s="2">
        <v>8.3333333333333329E-2</v>
      </c>
      <c r="C30" s="1" t="s">
        <v>885</v>
      </c>
      <c r="D30" s="1" t="s">
        <v>68</v>
      </c>
      <c r="E30" s="1" t="s">
        <v>887</v>
      </c>
      <c r="F30" s="1" t="s">
        <v>167</v>
      </c>
      <c r="G30" s="1" t="s">
        <v>460</v>
      </c>
      <c r="H30" s="1" t="s">
        <v>306</v>
      </c>
      <c r="I30" s="1" t="s">
        <v>686</v>
      </c>
      <c r="J30" s="1" t="s">
        <v>398</v>
      </c>
      <c r="K30" s="1" t="s">
        <v>142</v>
      </c>
      <c r="L30" s="1" t="s">
        <v>34</v>
      </c>
      <c r="N30" s="1" t="s">
        <v>35</v>
      </c>
      <c r="O30" s="1" t="s">
        <v>74</v>
      </c>
      <c r="P30" s="1" t="s">
        <v>56</v>
      </c>
      <c r="Q30" s="1" t="s">
        <v>117</v>
      </c>
      <c r="R30" s="1" t="s">
        <v>58</v>
      </c>
      <c r="S30" s="1" t="s">
        <v>75</v>
      </c>
      <c r="T30" s="1" t="s">
        <v>41</v>
      </c>
      <c r="U30" s="1">
        <v>9.4</v>
      </c>
      <c r="V30" s="1"/>
      <c r="W30" s="1"/>
      <c r="X30" s="1"/>
      <c r="Y30" s="1"/>
      <c r="Z30" s="1"/>
      <c r="AA30" t="s">
        <v>971</v>
      </c>
      <c r="AB30" t="s">
        <v>971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14</v>
      </c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71</v>
      </c>
      <c r="B31" s="2">
        <v>0.41666666666666669</v>
      </c>
      <c r="C31" s="1" t="s">
        <v>885</v>
      </c>
      <c r="D31" s="1" t="s">
        <v>27</v>
      </c>
      <c r="E31" s="1" t="s">
        <v>28</v>
      </c>
      <c r="F31" s="1" t="s">
        <v>38</v>
      </c>
      <c r="G31" s="1" t="s">
        <v>532</v>
      </c>
      <c r="H31" s="1" t="s">
        <v>591</v>
      </c>
      <c r="I31" s="1" t="s">
        <v>687</v>
      </c>
      <c r="J31" s="1" t="s">
        <v>254</v>
      </c>
      <c r="K31" s="1" t="s">
        <v>45</v>
      </c>
      <c r="L31" s="1" t="s">
        <v>34</v>
      </c>
      <c r="N31" s="1" t="s">
        <v>35</v>
      </c>
      <c r="O31" s="1" t="s">
        <v>74</v>
      </c>
      <c r="P31" s="1" t="s">
        <v>56</v>
      </c>
      <c r="Q31" s="1" t="s">
        <v>108</v>
      </c>
      <c r="R31" s="1" t="s">
        <v>109</v>
      </c>
      <c r="S31" s="1" t="s">
        <v>58</v>
      </c>
      <c r="T31" s="1" t="s">
        <v>41</v>
      </c>
      <c r="U31" s="1">
        <v>11.9</v>
      </c>
      <c r="V31" s="3">
        <v>790</v>
      </c>
      <c r="W31" s="1"/>
      <c r="X31" s="1">
        <v>0.71</v>
      </c>
      <c r="Y31" s="1">
        <v>1.6E-2</v>
      </c>
      <c r="Z31" s="1">
        <v>3.0000000000000001E-3</v>
      </c>
      <c r="AA31" t="s">
        <v>971</v>
      </c>
      <c r="AB31" t="s">
        <v>971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938</v>
      </c>
      <c r="BC31" s="1">
        <v>0.62</v>
      </c>
      <c r="BD31" s="1">
        <v>0.67</v>
      </c>
      <c r="BF31" s="1"/>
      <c r="BG31" s="1"/>
      <c r="BH31" s="1"/>
      <c r="BI31" s="1"/>
      <c r="BJ31" s="1"/>
      <c r="BK31" s="1"/>
      <c r="BL31" s="1"/>
      <c r="BM31" s="1" t="s">
        <v>945</v>
      </c>
      <c r="BN31" s="1">
        <v>6.0000000000000001E-3</v>
      </c>
      <c r="BO31" s="1">
        <v>10</v>
      </c>
      <c r="BP31" s="1">
        <v>2.1</v>
      </c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B32" s="2">
        <v>0.75</v>
      </c>
      <c r="C32" s="1" t="s">
        <v>885</v>
      </c>
      <c r="D32" s="1" t="s">
        <v>27</v>
      </c>
      <c r="E32" s="1" t="s">
        <v>28</v>
      </c>
      <c r="F32" s="1" t="s">
        <v>688</v>
      </c>
      <c r="G32" s="1" t="s">
        <v>375</v>
      </c>
      <c r="H32" s="1" t="s">
        <v>591</v>
      </c>
      <c r="I32" s="1" t="s">
        <v>689</v>
      </c>
      <c r="J32" s="1" t="s">
        <v>254</v>
      </c>
      <c r="K32" s="1" t="s">
        <v>565</v>
      </c>
      <c r="L32" s="1" t="s">
        <v>34</v>
      </c>
      <c r="N32" s="1" t="s">
        <v>35</v>
      </c>
      <c r="O32" s="1" t="s">
        <v>74</v>
      </c>
      <c r="P32" s="1" t="s">
        <v>56</v>
      </c>
      <c r="Q32" s="1" t="s">
        <v>144</v>
      </c>
      <c r="R32" s="1" t="s">
        <v>109</v>
      </c>
      <c r="S32" s="1" t="s">
        <v>196</v>
      </c>
      <c r="T32" s="1" t="s">
        <v>110</v>
      </c>
      <c r="U32" s="1">
        <v>11.1</v>
      </c>
      <c r="V32" s="1"/>
      <c r="W32" s="1"/>
      <c r="X32" s="1"/>
      <c r="Y32" s="1"/>
      <c r="Z32" s="1"/>
      <c r="AA32" t="s">
        <v>971</v>
      </c>
      <c r="AB32" t="s">
        <v>971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/>
      <c r="BC32" s="1"/>
      <c r="BD32" s="1"/>
      <c r="BF32" s="1"/>
      <c r="BG32" s="1"/>
      <c r="BH32" s="1"/>
      <c r="BI32" s="1"/>
      <c r="BJ32" s="1"/>
      <c r="BK32" s="1"/>
      <c r="BL32" s="1"/>
      <c r="BM32" s="1"/>
      <c r="BN32" s="1"/>
      <c r="BO32" s="1">
        <v>11</v>
      </c>
      <c r="BP32" s="1"/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A33" s="1" t="s">
        <v>352</v>
      </c>
      <c r="B33" s="2">
        <v>8.3333333333333329E-2</v>
      </c>
      <c r="C33" s="1" t="s">
        <v>885</v>
      </c>
      <c r="D33" s="1" t="s">
        <v>27</v>
      </c>
      <c r="E33" s="1" t="s">
        <v>28</v>
      </c>
      <c r="F33" s="1" t="s">
        <v>690</v>
      </c>
      <c r="G33" s="1" t="s">
        <v>57</v>
      </c>
      <c r="H33" s="1" t="s">
        <v>541</v>
      </c>
      <c r="I33" s="1" t="s">
        <v>691</v>
      </c>
      <c r="J33" s="1" t="s">
        <v>254</v>
      </c>
      <c r="K33" s="1" t="s">
        <v>32</v>
      </c>
      <c r="L33" s="1" t="s">
        <v>34</v>
      </c>
      <c r="N33" s="1" t="s">
        <v>35</v>
      </c>
      <c r="O33" s="1" t="s">
        <v>74</v>
      </c>
      <c r="P33" s="1" t="s">
        <v>56</v>
      </c>
      <c r="Q33" s="1" t="s">
        <v>144</v>
      </c>
      <c r="R33" s="1" t="s">
        <v>39</v>
      </c>
      <c r="S33" s="1" t="s">
        <v>82</v>
      </c>
      <c r="T33" s="1" t="s">
        <v>59</v>
      </c>
      <c r="U33" s="1">
        <v>11.7</v>
      </c>
      <c r="V33" s="1"/>
      <c r="W33" s="1"/>
      <c r="X33" s="1"/>
      <c r="Y33" s="1"/>
      <c r="Z33" s="1"/>
      <c r="AA33" t="s">
        <v>971</v>
      </c>
      <c r="AB33" t="s">
        <v>971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11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356</v>
      </c>
      <c r="B34" s="2">
        <v>0.41666666666666669</v>
      </c>
      <c r="C34" s="1" t="s">
        <v>885</v>
      </c>
      <c r="D34" s="1" t="s">
        <v>68</v>
      </c>
      <c r="E34" s="1" t="s">
        <v>28</v>
      </c>
      <c r="F34" s="1" t="s">
        <v>558</v>
      </c>
      <c r="G34" s="1" t="s">
        <v>188</v>
      </c>
      <c r="H34" s="1" t="s">
        <v>541</v>
      </c>
      <c r="I34" s="1" t="s">
        <v>692</v>
      </c>
      <c r="J34" s="1" t="s">
        <v>271</v>
      </c>
      <c r="K34" s="1" t="s">
        <v>675</v>
      </c>
      <c r="L34" s="1" t="s">
        <v>34</v>
      </c>
      <c r="N34" s="1" t="s">
        <v>35</v>
      </c>
      <c r="O34" s="1" t="s">
        <v>74</v>
      </c>
      <c r="P34" s="1" t="s">
        <v>56</v>
      </c>
      <c r="Q34" s="1" t="s">
        <v>144</v>
      </c>
      <c r="R34" s="1" t="s">
        <v>547</v>
      </c>
      <c r="S34" s="1" t="s">
        <v>39</v>
      </c>
      <c r="T34" s="1" t="s">
        <v>41</v>
      </c>
      <c r="U34" s="1">
        <v>11.7</v>
      </c>
      <c r="V34" s="3">
        <v>490</v>
      </c>
      <c r="W34" s="1" t="s">
        <v>929</v>
      </c>
      <c r="X34" s="1">
        <v>0.55000000000000004</v>
      </c>
      <c r="Y34" s="1">
        <v>1.6E-2</v>
      </c>
      <c r="Z34" s="1">
        <v>2E-3</v>
      </c>
      <c r="AA34" t="s">
        <v>970</v>
      </c>
      <c r="AB34" t="s">
        <v>940</v>
      </c>
      <c r="AC34" s="1" t="s">
        <v>923</v>
      </c>
      <c r="AD34" s="1" t="s">
        <v>924</v>
      </c>
      <c r="AE34" s="1" t="s">
        <v>927</v>
      </c>
      <c r="AF34" s="1" t="s">
        <v>926</v>
      </c>
      <c r="AG34" s="1" t="s">
        <v>927</v>
      </c>
      <c r="AH34" s="1" t="s">
        <v>925</v>
      </c>
      <c r="AI34" s="1"/>
      <c r="AJ34" s="1" t="s">
        <v>925</v>
      </c>
      <c r="AK34" s="1" t="s">
        <v>930</v>
      </c>
      <c r="AL34" s="1" t="s">
        <v>930</v>
      </c>
      <c r="AM34" s="1" t="s">
        <v>930</v>
      </c>
      <c r="AN34" s="1" t="s">
        <v>930</v>
      </c>
      <c r="AO34" s="1" t="s">
        <v>930</v>
      </c>
      <c r="AP34" t="s">
        <v>930</v>
      </c>
      <c r="AQ34" s="1" t="s">
        <v>930</v>
      </c>
      <c r="AR34" s="1" t="s">
        <v>930</v>
      </c>
      <c r="AS34" s="1" t="s">
        <v>930</v>
      </c>
      <c r="AT34" s="1" t="s">
        <v>939</v>
      </c>
      <c r="AU34" s="1" t="s">
        <v>925</v>
      </c>
      <c r="AV34" s="1" t="s">
        <v>923</v>
      </c>
      <c r="AW34" s="1" t="s">
        <v>923</v>
      </c>
      <c r="AX34" s="1" t="s">
        <v>930</v>
      </c>
      <c r="AY34" s="1" t="s">
        <v>937</v>
      </c>
      <c r="AZ34" s="1" t="s">
        <v>938</v>
      </c>
      <c r="BA34" s="1" t="s">
        <v>926</v>
      </c>
      <c r="BB34" s="1" t="s">
        <v>938</v>
      </c>
      <c r="BC34" s="1">
        <v>0.51</v>
      </c>
      <c r="BD34" s="1">
        <v>0.56000000000000005</v>
      </c>
      <c r="BE34" t="s">
        <v>927</v>
      </c>
      <c r="BF34" s="1" t="s">
        <v>927</v>
      </c>
      <c r="BG34" s="1" t="s">
        <v>927</v>
      </c>
      <c r="BH34" s="1" t="s">
        <v>926</v>
      </c>
      <c r="BI34" s="1" t="s">
        <v>924</v>
      </c>
      <c r="BJ34" s="1" t="s">
        <v>926</v>
      </c>
      <c r="BK34" s="1" t="s">
        <v>925</v>
      </c>
      <c r="BL34" s="1" t="s">
        <v>947</v>
      </c>
      <c r="BM34" s="1">
        <v>0.04</v>
      </c>
      <c r="BN34" s="1">
        <v>7.0000000000000001E-3</v>
      </c>
      <c r="BO34" s="1">
        <v>10</v>
      </c>
      <c r="BP34" s="1">
        <v>2</v>
      </c>
      <c r="BQ34" s="1"/>
      <c r="BR34" s="1" t="s">
        <v>946</v>
      </c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B35" s="2">
        <v>0.75</v>
      </c>
      <c r="C35" s="1" t="s">
        <v>885</v>
      </c>
      <c r="D35" s="1" t="s">
        <v>68</v>
      </c>
      <c r="E35" s="1" t="s">
        <v>28</v>
      </c>
      <c r="F35" s="1" t="s">
        <v>500</v>
      </c>
      <c r="G35" s="1" t="s">
        <v>375</v>
      </c>
      <c r="H35" s="1" t="s">
        <v>394</v>
      </c>
      <c r="I35" s="1" t="s">
        <v>693</v>
      </c>
      <c r="J35" s="1" t="s">
        <v>552</v>
      </c>
      <c r="K35" s="1" t="s">
        <v>572</v>
      </c>
      <c r="L35" s="1" t="s">
        <v>34</v>
      </c>
      <c r="N35" s="1" t="s">
        <v>35</v>
      </c>
      <c r="O35" s="1" t="s">
        <v>74</v>
      </c>
      <c r="P35" s="1" t="s">
        <v>56</v>
      </c>
      <c r="Q35" s="1" t="s">
        <v>144</v>
      </c>
      <c r="R35" s="1" t="s">
        <v>404</v>
      </c>
      <c r="S35" s="1" t="s">
        <v>196</v>
      </c>
      <c r="T35" s="1" t="s">
        <v>41</v>
      </c>
      <c r="U35" s="1">
        <v>11.3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10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365</v>
      </c>
      <c r="B36" s="2">
        <v>8.3333333333333329E-2</v>
      </c>
      <c r="C36" s="1" t="s">
        <v>885</v>
      </c>
      <c r="D36" s="1" t="s">
        <v>27</v>
      </c>
      <c r="E36" s="1" t="s">
        <v>28</v>
      </c>
      <c r="F36" s="1" t="s">
        <v>364</v>
      </c>
      <c r="G36" s="1" t="s">
        <v>38</v>
      </c>
      <c r="H36" s="1" t="s">
        <v>403</v>
      </c>
      <c r="I36" s="1" t="s">
        <v>694</v>
      </c>
      <c r="J36" s="1" t="s">
        <v>271</v>
      </c>
      <c r="K36" s="1" t="s">
        <v>675</v>
      </c>
      <c r="L36" s="1" t="s">
        <v>34</v>
      </c>
      <c r="N36" s="1" t="s">
        <v>35</v>
      </c>
      <c r="O36" s="1" t="s">
        <v>74</v>
      </c>
      <c r="P36" s="1" t="s">
        <v>56</v>
      </c>
      <c r="Q36" s="1" t="s">
        <v>144</v>
      </c>
      <c r="R36" s="1" t="s">
        <v>159</v>
      </c>
      <c r="S36" s="1" t="s">
        <v>416</v>
      </c>
      <c r="T36" s="1" t="s">
        <v>41</v>
      </c>
      <c r="U36" s="1">
        <v>11.8</v>
      </c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>
        <v>10</v>
      </c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97</v>
      </c>
      <c r="B37" s="2">
        <v>0.41666666666666669</v>
      </c>
      <c r="C37" s="1" t="s">
        <v>885</v>
      </c>
      <c r="D37" s="1" t="s">
        <v>68</v>
      </c>
      <c r="E37" s="1" t="s">
        <v>887</v>
      </c>
      <c r="F37" s="1" t="s">
        <v>183</v>
      </c>
      <c r="G37" s="1" t="s">
        <v>326</v>
      </c>
      <c r="H37" s="1" t="s">
        <v>300</v>
      </c>
      <c r="I37" s="1" t="s">
        <v>685</v>
      </c>
      <c r="J37" s="1" t="s">
        <v>418</v>
      </c>
      <c r="K37" s="1" t="s">
        <v>174</v>
      </c>
      <c r="L37" s="1" t="s">
        <v>34</v>
      </c>
      <c r="N37" s="1" t="s">
        <v>35</v>
      </c>
      <c r="O37" s="1" t="s">
        <v>74</v>
      </c>
      <c r="P37" s="1" t="s">
        <v>56</v>
      </c>
      <c r="Q37" s="1" t="s">
        <v>464</v>
      </c>
      <c r="R37" s="1" t="s">
        <v>132</v>
      </c>
      <c r="S37" s="1" t="s">
        <v>48</v>
      </c>
      <c r="T37" s="1" t="s">
        <v>41</v>
      </c>
      <c r="U37" s="1">
        <v>11.7</v>
      </c>
      <c r="V37" s="3">
        <v>1100</v>
      </c>
      <c r="W37" s="1"/>
      <c r="X37" s="1">
        <v>0.78</v>
      </c>
      <c r="Y37" s="1">
        <v>2.5999999999999999E-2</v>
      </c>
      <c r="Z37" s="1">
        <v>4.0000000000000001E-3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 t="s">
        <v>938</v>
      </c>
      <c r="BC37" s="1">
        <v>0.67</v>
      </c>
      <c r="BD37" s="1">
        <v>0.72</v>
      </c>
      <c r="BF37" s="1"/>
      <c r="BG37" s="1"/>
      <c r="BH37" s="1"/>
      <c r="BI37" s="1"/>
      <c r="BJ37" s="1"/>
      <c r="BK37" s="1"/>
      <c r="BL37" s="1"/>
      <c r="BM37" s="1">
        <v>0.05</v>
      </c>
      <c r="BN37" s="1">
        <v>1.4999999999999999E-2</v>
      </c>
      <c r="BO37" s="1">
        <v>12</v>
      </c>
      <c r="BP37" s="1">
        <v>2.5</v>
      </c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75</v>
      </c>
      <c r="C38" s="1" t="s">
        <v>885</v>
      </c>
      <c r="D38" s="1" t="s">
        <v>68</v>
      </c>
      <c r="E38" s="1" t="s">
        <v>887</v>
      </c>
      <c r="F38" s="1" t="s">
        <v>582</v>
      </c>
      <c r="G38" s="1" t="s">
        <v>210</v>
      </c>
      <c r="H38" s="1" t="s">
        <v>306</v>
      </c>
      <c r="I38" s="1" t="s">
        <v>695</v>
      </c>
      <c r="J38" s="1" t="s">
        <v>254</v>
      </c>
      <c r="K38" s="1" t="s">
        <v>696</v>
      </c>
      <c r="L38" s="1" t="s">
        <v>34</v>
      </c>
      <c r="N38" s="1" t="s">
        <v>35</v>
      </c>
      <c r="O38" s="1" t="s">
        <v>74</v>
      </c>
      <c r="P38" s="1" t="s">
        <v>56</v>
      </c>
      <c r="Q38" s="1" t="s">
        <v>57</v>
      </c>
      <c r="R38" s="1" t="s">
        <v>404</v>
      </c>
      <c r="S38" s="1" t="s">
        <v>189</v>
      </c>
      <c r="T38" s="1" t="s">
        <v>59</v>
      </c>
      <c r="U38" s="1">
        <v>10.1</v>
      </c>
      <c r="V38" s="1"/>
      <c r="W38" s="1"/>
      <c r="X38" s="1"/>
      <c r="Y38" s="1"/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12</v>
      </c>
      <c r="BP38" s="1"/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79</v>
      </c>
      <c r="B39" s="2">
        <v>8.3333333333333329E-2</v>
      </c>
      <c r="C39" s="1" t="s">
        <v>885</v>
      </c>
      <c r="D39" s="1" t="s">
        <v>153</v>
      </c>
      <c r="E39" s="1" t="s">
        <v>887</v>
      </c>
      <c r="F39" s="1" t="s">
        <v>347</v>
      </c>
      <c r="G39" s="1" t="s">
        <v>554</v>
      </c>
      <c r="H39" s="1" t="s">
        <v>306</v>
      </c>
      <c r="I39" s="1" t="s">
        <v>697</v>
      </c>
      <c r="J39" s="1" t="s">
        <v>418</v>
      </c>
      <c r="K39" s="1" t="s">
        <v>520</v>
      </c>
      <c r="L39" s="1" t="s">
        <v>202</v>
      </c>
      <c r="N39" s="1" t="s">
        <v>232</v>
      </c>
      <c r="O39" s="1" t="s">
        <v>203</v>
      </c>
      <c r="P39" s="1" t="s">
        <v>56</v>
      </c>
      <c r="Q39" s="1" t="s">
        <v>144</v>
      </c>
      <c r="R39" s="1" t="s">
        <v>40</v>
      </c>
      <c r="S39" s="1" t="s">
        <v>698</v>
      </c>
      <c r="T39" s="1" t="s">
        <v>126</v>
      </c>
      <c r="U39" s="1">
        <v>10.3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12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46" spans="21:21" x14ac:dyDescent="0.15">
      <c r="U146" s="1"/>
    </row>
    <row r="147" spans="21:21" x14ac:dyDescent="0.15">
      <c r="U147" s="1"/>
    </row>
    <row r="148" spans="21:21" x14ac:dyDescent="0.15">
      <c r="U148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</sheetData>
  <phoneticPr fontId="18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890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09</v>
      </c>
      <c r="C1" s="1" t="s">
        <v>1</v>
      </c>
      <c r="D1" s="1" t="s">
        <v>910</v>
      </c>
      <c r="E1" s="1" t="s">
        <v>2</v>
      </c>
      <c r="F1" s="1" t="s">
        <v>876</v>
      </c>
      <c r="G1" s="1" t="s">
        <v>3</v>
      </c>
      <c r="H1" s="1" t="s">
        <v>89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2</v>
      </c>
      <c r="AB2" s="1" t="s">
        <v>964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375</v>
      </c>
      <c r="C4" s="1" t="s">
        <v>885</v>
      </c>
      <c r="D4" s="1" t="s">
        <v>68</v>
      </c>
      <c r="E4" s="1" t="s">
        <v>28</v>
      </c>
      <c r="F4" s="1" t="s">
        <v>516</v>
      </c>
      <c r="G4" s="1" t="s">
        <v>338</v>
      </c>
      <c r="H4" s="1" t="s">
        <v>552</v>
      </c>
      <c r="I4" s="1" t="s">
        <v>699</v>
      </c>
      <c r="J4" s="1" t="s">
        <v>312</v>
      </c>
      <c r="K4" s="1" t="s">
        <v>289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99</v>
      </c>
      <c r="R4" s="1" t="s">
        <v>47</v>
      </c>
      <c r="S4" s="1" t="s">
        <v>82</v>
      </c>
      <c r="T4" s="1" t="s">
        <v>126</v>
      </c>
      <c r="U4" s="1">
        <v>10.199999999999999</v>
      </c>
      <c r="V4" s="3">
        <v>460</v>
      </c>
      <c r="W4" s="1"/>
      <c r="X4" s="1">
        <v>2.1</v>
      </c>
      <c r="Y4" s="1">
        <v>8.8999999999999996E-2</v>
      </c>
      <c r="Z4" s="1">
        <v>3.0000000000000001E-3</v>
      </c>
      <c r="AA4" s="1" t="s">
        <v>970</v>
      </c>
      <c r="AB4" s="1" t="s">
        <v>983</v>
      </c>
      <c r="AC4" s="1" t="s">
        <v>923</v>
      </c>
      <c r="AD4" s="1" t="s">
        <v>924</v>
      </c>
      <c r="AE4" s="1" t="s">
        <v>927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30</v>
      </c>
      <c r="AM4" s="1"/>
      <c r="AN4" s="1"/>
      <c r="AO4" s="1"/>
      <c r="AP4" t="s">
        <v>930</v>
      </c>
      <c r="AQ4" s="1"/>
      <c r="AR4" s="1" t="s">
        <v>930</v>
      </c>
      <c r="AS4" s="1" t="s">
        <v>930</v>
      </c>
      <c r="AT4" s="1"/>
      <c r="AU4" s="1"/>
      <c r="AV4" s="1"/>
      <c r="AW4" s="1"/>
      <c r="AX4" s="1"/>
      <c r="AY4" s="1"/>
      <c r="AZ4" s="1" t="s">
        <v>938</v>
      </c>
      <c r="BA4" s="1" t="s">
        <v>926</v>
      </c>
      <c r="BB4" s="1" t="s">
        <v>938</v>
      </c>
      <c r="BC4" s="1">
        <v>1.9</v>
      </c>
      <c r="BD4" s="1">
        <v>1.9</v>
      </c>
      <c r="BE4" s="1"/>
      <c r="BF4" s="1" t="s">
        <v>927</v>
      </c>
      <c r="BG4" s="1" t="s">
        <v>927</v>
      </c>
      <c r="BH4" s="1" t="s">
        <v>926</v>
      </c>
      <c r="BI4" s="1" t="s">
        <v>924</v>
      </c>
      <c r="BJ4" s="1"/>
      <c r="BK4" s="1"/>
      <c r="BL4" s="1"/>
      <c r="BM4" s="1">
        <v>0.04</v>
      </c>
      <c r="BN4" s="1">
        <v>7.8E-2</v>
      </c>
      <c r="BO4" s="1">
        <v>20</v>
      </c>
      <c r="BP4" s="1">
        <v>5.4</v>
      </c>
      <c r="BQ4" s="1"/>
      <c r="BR4" s="1" t="s">
        <v>946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7083333333333337</v>
      </c>
      <c r="C5" s="1" t="s">
        <v>885</v>
      </c>
      <c r="D5" s="1" t="s">
        <v>27</v>
      </c>
      <c r="E5" s="1" t="s">
        <v>28</v>
      </c>
      <c r="F5" s="1" t="s">
        <v>61</v>
      </c>
      <c r="G5" s="1" t="s">
        <v>454</v>
      </c>
      <c r="H5" s="1" t="s">
        <v>552</v>
      </c>
      <c r="I5" s="1" t="s">
        <v>699</v>
      </c>
      <c r="J5" s="1" t="s">
        <v>242</v>
      </c>
      <c r="K5" s="1" t="s">
        <v>289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57</v>
      </c>
      <c r="R5" s="1" t="s">
        <v>152</v>
      </c>
      <c r="S5" s="1" t="s">
        <v>189</v>
      </c>
      <c r="T5" s="1" t="s">
        <v>181</v>
      </c>
      <c r="U5" s="1">
        <v>9.9</v>
      </c>
      <c r="V5" s="1"/>
      <c r="W5" s="1"/>
      <c r="X5" s="1"/>
      <c r="Y5" s="1"/>
      <c r="Z5" s="1"/>
      <c r="AA5" s="1" t="s">
        <v>971</v>
      </c>
      <c r="AB5" s="1" t="s">
        <v>971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19</v>
      </c>
      <c r="B6" s="2">
        <v>0.10416666666666667</v>
      </c>
      <c r="C6" s="1" t="s">
        <v>885</v>
      </c>
      <c r="D6" s="1" t="s">
        <v>68</v>
      </c>
      <c r="E6" s="1" t="s">
        <v>28</v>
      </c>
      <c r="F6" s="1" t="s">
        <v>606</v>
      </c>
      <c r="G6" s="1" t="s">
        <v>417</v>
      </c>
      <c r="H6" s="1" t="s">
        <v>552</v>
      </c>
      <c r="I6" s="1" t="s">
        <v>617</v>
      </c>
      <c r="J6" s="1" t="s">
        <v>312</v>
      </c>
      <c r="K6" s="1" t="s">
        <v>218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57</v>
      </c>
      <c r="R6" s="1" t="s">
        <v>132</v>
      </c>
      <c r="S6" s="1" t="s">
        <v>83</v>
      </c>
      <c r="T6" s="1" t="s">
        <v>110</v>
      </c>
      <c r="U6" s="1">
        <v>9.6999999999999993</v>
      </c>
      <c r="V6" s="1"/>
      <c r="W6" s="1"/>
      <c r="X6" s="1"/>
      <c r="Y6" s="1"/>
      <c r="Z6" s="1"/>
      <c r="AA6" s="1" t="s">
        <v>971</v>
      </c>
      <c r="AB6" s="1" t="s">
        <v>971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20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25</v>
      </c>
      <c r="B7" s="2">
        <v>0.45833333333333331</v>
      </c>
      <c r="C7" s="1" t="s">
        <v>885</v>
      </c>
      <c r="D7" s="1" t="s">
        <v>27</v>
      </c>
      <c r="E7" s="1" t="s">
        <v>28</v>
      </c>
      <c r="F7" s="1" t="s">
        <v>101</v>
      </c>
      <c r="G7" s="1" t="s">
        <v>60</v>
      </c>
      <c r="H7" s="1" t="s">
        <v>548</v>
      </c>
      <c r="I7" s="1" t="s">
        <v>700</v>
      </c>
      <c r="J7" s="1" t="s">
        <v>300</v>
      </c>
      <c r="K7" s="1" t="s">
        <v>53</v>
      </c>
      <c r="L7" s="1" t="s">
        <v>34</v>
      </c>
      <c r="N7" s="1" t="s">
        <v>232</v>
      </c>
      <c r="O7" s="1" t="s">
        <v>74</v>
      </c>
      <c r="P7" s="1" t="s">
        <v>56</v>
      </c>
      <c r="Q7" s="1" t="s">
        <v>38</v>
      </c>
      <c r="R7" s="1" t="s">
        <v>132</v>
      </c>
      <c r="S7" s="1" t="s">
        <v>190</v>
      </c>
      <c r="T7" s="1" t="s">
        <v>59</v>
      </c>
      <c r="U7" s="1">
        <v>9.9</v>
      </c>
      <c r="V7" s="3">
        <v>700</v>
      </c>
      <c r="W7" s="1"/>
      <c r="X7" s="1">
        <v>1.6</v>
      </c>
      <c r="Y7" s="1">
        <v>9.8000000000000004E-2</v>
      </c>
      <c r="Z7" s="1">
        <v>2E-3</v>
      </c>
      <c r="AA7" s="1" t="s">
        <v>971</v>
      </c>
      <c r="AB7" s="1" t="s">
        <v>97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938</v>
      </c>
      <c r="BC7" s="1">
        <v>1.5</v>
      </c>
      <c r="BD7" s="1">
        <v>1.5</v>
      </c>
      <c r="BE7" s="1"/>
      <c r="BF7" s="1"/>
      <c r="BG7" s="1"/>
      <c r="BH7" s="1"/>
      <c r="BI7" s="1"/>
      <c r="BJ7" s="1"/>
      <c r="BK7" s="1"/>
      <c r="BL7" s="1"/>
      <c r="BM7" s="1" t="s">
        <v>945</v>
      </c>
      <c r="BN7" s="1">
        <v>8.3000000000000004E-2</v>
      </c>
      <c r="BO7" s="1">
        <v>18</v>
      </c>
      <c r="BP7" s="1">
        <v>4.8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79166666666666663</v>
      </c>
      <c r="C8" s="1" t="s">
        <v>885</v>
      </c>
      <c r="D8" s="1" t="s">
        <v>27</v>
      </c>
      <c r="E8" s="1" t="s">
        <v>28</v>
      </c>
      <c r="F8" s="1" t="s">
        <v>102</v>
      </c>
      <c r="G8" s="1" t="s">
        <v>291</v>
      </c>
      <c r="H8" s="1" t="s">
        <v>636</v>
      </c>
      <c r="I8" s="1" t="s">
        <v>701</v>
      </c>
      <c r="J8" s="1" t="s">
        <v>242</v>
      </c>
      <c r="K8" s="1" t="s">
        <v>702</v>
      </c>
      <c r="L8" s="1" t="s">
        <v>34</v>
      </c>
      <c r="N8" s="1" t="s">
        <v>232</v>
      </c>
      <c r="O8" s="1" t="s">
        <v>74</v>
      </c>
      <c r="P8" s="1" t="s">
        <v>56</v>
      </c>
      <c r="Q8" s="1" t="s">
        <v>57</v>
      </c>
      <c r="R8" s="1" t="s">
        <v>404</v>
      </c>
      <c r="S8" s="1" t="s">
        <v>189</v>
      </c>
      <c r="T8" s="1" t="s">
        <v>181</v>
      </c>
      <c r="U8" s="1">
        <v>9.4</v>
      </c>
      <c r="V8" s="1"/>
      <c r="W8" s="1"/>
      <c r="X8" s="1"/>
      <c r="Y8" s="1"/>
      <c r="Z8" s="1"/>
      <c r="AA8" s="1" t="s">
        <v>971</v>
      </c>
      <c r="AB8" s="1" t="s">
        <v>971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>
        <v>18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39</v>
      </c>
      <c r="B9" s="2">
        <v>0.125</v>
      </c>
      <c r="C9" s="1" t="s">
        <v>885</v>
      </c>
      <c r="D9" s="1" t="s">
        <v>27</v>
      </c>
      <c r="E9" s="1" t="s">
        <v>28</v>
      </c>
      <c r="F9" s="1" t="s">
        <v>252</v>
      </c>
      <c r="G9" s="1" t="s">
        <v>51</v>
      </c>
      <c r="H9" s="1" t="s">
        <v>550</v>
      </c>
      <c r="I9" s="1" t="s">
        <v>597</v>
      </c>
      <c r="J9" s="1" t="s">
        <v>242</v>
      </c>
      <c r="K9" s="1" t="s">
        <v>702</v>
      </c>
      <c r="L9" s="1" t="s">
        <v>34</v>
      </c>
      <c r="N9" s="1" t="s">
        <v>232</v>
      </c>
      <c r="O9" s="1" t="s">
        <v>74</v>
      </c>
      <c r="P9" s="1" t="s">
        <v>56</v>
      </c>
      <c r="Q9" s="1" t="s">
        <v>57</v>
      </c>
      <c r="R9" s="1" t="s">
        <v>118</v>
      </c>
      <c r="S9" s="1" t="s">
        <v>48</v>
      </c>
      <c r="T9" s="1" t="s">
        <v>110</v>
      </c>
      <c r="U9" s="1">
        <v>9.6</v>
      </c>
      <c r="V9" s="1"/>
      <c r="W9" s="1"/>
      <c r="X9" s="1"/>
      <c r="Y9" s="1"/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8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45</v>
      </c>
      <c r="B10" s="2">
        <v>0.45833333333333331</v>
      </c>
      <c r="C10" s="1" t="s">
        <v>885</v>
      </c>
      <c r="D10" s="1" t="s">
        <v>27</v>
      </c>
      <c r="E10" s="1" t="s">
        <v>887</v>
      </c>
      <c r="F10" s="1" t="s">
        <v>111</v>
      </c>
      <c r="G10" s="1" t="s">
        <v>433</v>
      </c>
      <c r="H10" s="1" t="s">
        <v>552</v>
      </c>
      <c r="I10" s="1" t="s">
        <v>703</v>
      </c>
      <c r="J10" s="1" t="s">
        <v>312</v>
      </c>
      <c r="K10" s="1" t="s">
        <v>282</v>
      </c>
      <c r="L10" s="1" t="s">
        <v>34</v>
      </c>
      <c r="N10" s="1" t="s">
        <v>704</v>
      </c>
      <c r="O10" s="1" t="s">
        <v>203</v>
      </c>
      <c r="P10" s="1" t="s">
        <v>56</v>
      </c>
      <c r="Q10" s="1" t="s">
        <v>444</v>
      </c>
      <c r="R10" s="1" t="s">
        <v>39</v>
      </c>
      <c r="S10" s="1" t="s">
        <v>698</v>
      </c>
      <c r="T10" s="1" t="s">
        <v>181</v>
      </c>
      <c r="U10" s="1">
        <v>9.1</v>
      </c>
      <c r="V10" s="3">
        <v>7000</v>
      </c>
      <c r="W10" s="1"/>
      <c r="X10" s="1">
        <v>2</v>
      </c>
      <c r="Y10" s="1">
        <v>0.1</v>
      </c>
      <c r="Z10" s="1">
        <v>3.0000000000000001E-3</v>
      </c>
      <c r="AA10" s="1" t="s">
        <v>970</v>
      </c>
      <c r="AB10" s="1" t="s">
        <v>984</v>
      </c>
      <c r="AC10" s="1" t="s">
        <v>923</v>
      </c>
      <c r="AD10" s="1" t="s">
        <v>924</v>
      </c>
      <c r="AE10" s="1" t="s">
        <v>927</v>
      </c>
      <c r="AF10" s="1" t="s">
        <v>926</v>
      </c>
      <c r="AG10" s="1" t="s">
        <v>927</v>
      </c>
      <c r="AH10" s="1" t="s">
        <v>925</v>
      </c>
      <c r="AI10" s="1"/>
      <c r="AJ10" s="1"/>
      <c r="AK10" s="1"/>
      <c r="AL10" s="1" t="s">
        <v>930</v>
      </c>
      <c r="AM10" s="1"/>
      <c r="AN10" s="1"/>
      <c r="AO10" s="1"/>
      <c r="AP10" t="s">
        <v>930</v>
      </c>
      <c r="AQ10" s="1"/>
      <c r="AR10" s="1" t="s">
        <v>930</v>
      </c>
      <c r="AS10" s="1" t="s">
        <v>930</v>
      </c>
      <c r="AT10" s="1"/>
      <c r="AU10" s="1"/>
      <c r="AV10" s="1"/>
      <c r="AW10" s="1"/>
      <c r="AX10" s="1"/>
      <c r="AY10" s="1"/>
      <c r="AZ10" s="1" t="s">
        <v>938</v>
      </c>
      <c r="BA10" s="1" t="s">
        <v>926</v>
      </c>
      <c r="BB10" s="1" t="s">
        <v>938</v>
      </c>
      <c r="BC10" s="1">
        <v>1.7</v>
      </c>
      <c r="BD10" s="1">
        <v>1.7</v>
      </c>
      <c r="BE10" s="1"/>
      <c r="BF10" s="1" t="s">
        <v>927</v>
      </c>
      <c r="BG10" s="1" t="s">
        <v>927</v>
      </c>
      <c r="BH10" s="1" t="s">
        <v>926</v>
      </c>
      <c r="BI10" s="1" t="s">
        <v>924</v>
      </c>
      <c r="BJ10" s="1"/>
      <c r="BK10" s="1"/>
      <c r="BL10" s="1"/>
      <c r="BM10" s="1">
        <v>0.05</v>
      </c>
      <c r="BN10" s="1">
        <v>7.5999999999999998E-2</v>
      </c>
      <c r="BO10" s="1">
        <v>19</v>
      </c>
      <c r="BP10" s="1">
        <v>5.5</v>
      </c>
      <c r="BQ10" s="1"/>
      <c r="BR10" s="1" t="s">
        <v>946</v>
      </c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9166666666666663</v>
      </c>
      <c r="C11" s="1" t="s">
        <v>885</v>
      </c>
      <c r="D11" s="1" t="s">
        <v>27</v>
      </c>
      <c r="E11" s="1" t="s">
        <v>887</v>
      </c>
      <c r="F11" s="1" t="s">
        <v>50</v>
      </c>
      <c r="G11" s="1" t="s">
        <v>77</v>
      </c>
      <c r="H11" s="1" t="s">
        <v>271</v>
      </c>
      <c r="I11" s="1" t="s">
        <v>289</v>
      </c>
      <c r="J11" s="1" t="s">
        <v>312</v>
      </c>
      <c r="K11" s="1" t="s">
        <v>80</v>
      </c>
      <c r="L11" s="1" t="s">
        <v>34</v>
      </c>
      <c r="N11" s="1" t="s">
        <v>704</v>
      </c>
      <c r="O11" s="1" t="s">
        <v>74</v>
      </c>
      <c r="P11" s="1" t="s">
        <v>56</v>
      </c>
      <c r="Q11" s="1" t="s">
        <v>99</v>
      </c>
      <c r="R11" s="1" t="s">
        <v>416</v>
      </c>
      <c r="S11" s="1" t="s">
        <v>76</v>
      </c>
      <c r="T11" s="1" t="s">
        <v>126</v>
      </c>
      <c r="U11" s="1">
        <v>8.9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0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56</v>
      </c>
      <c r="B12" s="2">
        <v>0.125</v>
      </c>
      <c r="C12" s="1" t="s">
        <v>885</v>
      </c>
      <c r="D12" s="1" t="s">
        <v>68</v>
      </c>
      <c r="E12" s="1" t="s">
        <v>887</v>
      </c>
      <c r="F12" s="1" t="s">
        <v>297</v>
      </c>
      <c r="G12" s="1" t="s">
        <v>304</v>
      </c>
      <c r="H12" s="1" t="s">
        <v>271</v>
      </c>
      <c r="I12" s="1" t="s">
        <v>705</v>
      </c>
      <c r="J12" s="1" t="s">
        <v>312</v>
      </c>
      <c r="K12" s="1" t="s">
        <v>72</v>
      </c>
      <c r="L12" s="1" t="s">
        <v>342</v>
      </c>
      <c r="N12" s="1" t="s">
        <v>704</v>
      </c>
      <c r="O12" s="1" t="s">
        <v>203</v>
      </c>
      <c r="P12" s="1" t="s">
        <v>56</v>
      </c>
      <c r="Q12" s="1" t="s">
        <v>57</v>
      </c>
      <c r="R12" s="1" t="s">
        <v>416</v>
      </c>
      <c r="S12" s="1" t="s">
        <v>497</v>
      </c>
      <c r="T12" s="1" t="s">
        <v>145</v>
      </c>
      <c r="U12" s="1">
        <v>8.8000000000000007</v>
      </c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>
        <v>20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84</v>
      </c>
      <c r="B13" s="2">
        <v>0.45833333333333331</v>
      </c>
      <c r="C13" s="1" t="s">
        <v>885</v>
      </c>
      <c r="D13" s="1" t="s">
        <v>68</v>
      </c>
      <c r="E13" s="1" t="s">
        <v>28</v>
      </c>
      <c r="F13" s="1" t="s">
        <v>706</v>
      </c>
      <c r="G13" s="1" t="s">
        <v>93</v>
      </c>
      <c r="H13" s="1" t="s">
        <v>384</v>
      </c>
      <c r="I13" s="1" t="s">
        <v>215</v>
      </c>
      <c r="J13" s="1" t="s">
        <v>254</v>
      </c>
      <c r="K13" s="1" t="s">
        <v>707</v>
      </c>
      <c r="L13" s="1" t="s">
        <v>34</v>
      </c>
      <c r="N13" s="1" t="s">
        <v>35</v>
      </c>
      <c r="O13" s="1" t="s">
        <v>74</v>
      </c>
      <c r="P13" s="1" t="s">
        <v>56</v>
      </c>
      <c r="Q13" s="1" t="s">
        <v>444</v>
      </c>
      <c r="R13" s="1" t="s">
        <v>132</v>
      </c>
      <c r="S13" s="1" t="s">
        <v>40</v>
      </c>
      <c r="T13" s="1" t="s">
        <v>110</v>
      </c>
      <c r="U13" s="1">
        <v>9.1</v>
      </c>
      <c r="V13" s="3">
        <v>940</v>
      </c>
      <c r="W13" s="1"/>
      <c r="X13" s="1">
        <v>1.5</v>
      </c>
      <c r="Y13" s="1">
        <v>0.08</v>
      </c>
      <c r="Z13" s="1">
        <v>1.7000000000000001E-2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938</v>
      </c>
      <c r="BC13" s="1">
        <v>1.2</v>
      </c>
      <c r="BD13" s="1">
        <v>1.2</v>
      </c>
      <c r="BE13" s="1"/>
      <c r="BF13" s="1"/>
      <c r="BG13" s="1"/>
      <c r="BH13" s="1"/>
      <c r="BI13" s="1"/>
      <c r="BJ13" s="1"/>
      <c r="BK13" s="1"/>
      <c r="BL13" s="1"/>
      <c r="BM13" s="1" t="s">
        <v>945</v>
      </c>
      <c r="BN13" s="1">
        <v>7.5999999999999998E-2</v>
      </c>
      <c r="BO13" s="1">
        <v>20</v>
      </c>
      <c r="BP13" s="1">
        <v>5.4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79166666666666663</v>
      </c>
      <c r="C14" s="1" t="s">
        <v>885</v>
      </c>
      <c r="D14" s="1" t="s">
        <v>68</v>
      </c>
      <c r="E14" s="1" t="s">
        <v>28</v>
      </c>
      <c r="F14" s="1" t="s">
        <v>226</v>
      </c>
      <c r="G14" s="1" t="s">
        <v>252</v>
      </c>
      <c r="H14" s="1" t="s">
        <v>212</v>
      </c>
      <c r="I14" s="1" t="s">
        <v>699</v>
      </c>
      <c r="J14" s="1" t="s">
        <v>254</v>
      </c>
      <c r="K14" s="1" t="s">
        <v>289</v>
      </c>
      <c r="L14" s="1" t="s">
        <v>708</v>
      </c>
      <c r="N14" s="1" t="s">
        <v>35</v>
      </c>
      <c r="O14" s="1" t="s">
        <v>74</v>
      </c>
      <c r="P14" s="1" t="s">
        <v>56</v>
      </c>
      <c r="Q14" s="1" t="s">
        <v>99</v>
      </c>
      <c r="R14" s="1" t="s">
        <v>58</v>
      </c>
      <c r="S14" s="1" t="s">
        <v>364</v>
      </c>
      <c r="T14" s="1" t="s">
        <v>191</v>
      </c>
      <c r="U14" s="1">
        <v>8.1</v>
      </c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2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66</v>
      </c>
      <c r="B15" s="2">
        <v>0.125</v>
      </c>
      <c r="C15" s="1" t="s">
        <v>885</v>
      </c>
      <c r="D15" s="1" t="s">
        <v>68</v>
      </c>
      <c r="E15" s="1" t="s">
        <v>28</v>
      </c>
      <c r="F15" s="1" t="s">
        <v>93</v>
      </c>
      <c r="G15" s="1" t="s">
        <v>297</v>
      </c>
      <c r="H15" s="1" t="s">
        <v>217</v>
      </c>
      <c r="I15" s="1" t="s">
        <v>490</v>
      </c>
      <c r="J15" s="1" t="s">
        <v>212</v>
      </c>
      <c r="K15" s="1" t="s">
        <v>289</v>
      </c>
      <c r="L15" s="1" t="s">
        <v>34</v>
      </c>
      <c r="N15" s="1" t="s">
        <v>35</v>
      </c>
      <c r="O15" s="1" t="s">
        <v>74</v>
      </c>
      <c r="P15" s="1" t="s">
        <v>56</v>
      </c>
      <c r="Q15" s="1" t="s">
        <v>99</v>
      </c>
      <c r="R15" s="1" t="s">
        <v>416</v>
      </c>
      <c r="S15" s="1" t="s">
        <v>590</v>
      </c>
      <c r="T15" s="1" t="s">
        <v>181</v>
      </c>
      <c r="U15" s="1">
        <v>8.1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272</v>
      </c>
      <c r="B16" s="2">
        <v>0.45833333333333331</v>
      </c>
      <c r="C16" s="1" t="s">
        <v>885</v>
      </c>
      <c r="D16" s="1" t="s">
        <v>27</v>
      </c>
      <c r="E16" s="1" t="s">
        <v>28</v>
      </c>
      <c r="F16" s="1" t="s">
        <v>435</v>
      </c>
      <c r="G16" s="1" t="s">
        <v>285</v>
      </c>
      <c r="H16" s="1" t="s">
        <v>541</v>
      </c>
      <c r="I16" s="1" t="s">
        <v>709</v>
      </c>
      <c r="J16" s="1" t="s">
        <v>407</v>
      </c>
      <c r="K16" s="1" t="s">
        <v>149</v>
      </c>
      <c r="L16" s="1" t="s">
        <v>34</v>
      </c>
      <c r="N16" s="1" t="s">
        <v>35</v>
      </c>
      <c r="O16" s="1" t="s">
        <v>74</v>
      </c>
      <c r="P16" s="1" t="s">
        <v>56</v>
      </c>
      <c r="Q16" s="1" t="s">
        <v>91</v>
      </c>
      <c r="R16" s="1" t="s">
        <v>118</v>
      </c>
      <c r="S16" s="1" t="s">
        <v>189</v>
      </c>
      <c r="T16" s="1" t="s">
        <v>110</v>
      </c>
      <c r="U16" s="1">
        <v>9.1</v>
      </c>
      <c r="V16" s="3">
        <v>2200</v>
      </c>
      <c r="W16" s="1" t="s">
        <v>929</v>
      </c>
      <c r="X16" s="1">
        <v>1.1000000000000001</v>
      </c>
      <c r="Y16" s="1">
        <v>9.4E-2</v>
      </c>
      <c r="Z16" s="1" t="s">
        <v>931</v>
      </c>
      <c r="AA16" s="1" t="s">
        <v>970</v>
      </c>
      <c r="AB16" s="1" t="s">
        <v>940</v>
      </c>
      <c r="AC16" s="1" t="s">
        <v>923</v>
      </c>
      <c r="AD16" s="1" t="s">
        <v>924</v>
      </c>
      <c r="AE16" s="1" t="s">
        <v>927</v>
      </c>
      <c r="AF16" s="1" t="s">
        <v>926</v>
      </c>
      <c r="AG16" s="1" t="s">
        <v>927</v>
      </c>
      <c r="AH16" s="1" t="s">
        <v>925</v>
      </c>
      <c r="AI16" s="1"/>
      <c r="AJ16" s="1" t="s">
        <v>925</v>
      </c>
      <c r="AK16" s="1" t="s">
        <v>930</v>
      </c>
      <c r="AL16" s="1" t="s">
        <v>930</v>
      </c>
      <c r="AM16" s="1" t="s">
        <v>930</v>
      </c>
      <c r="AN16" s="1" t="s">
        <v>930</v>
      </c>
      <c r="AO16" s="1" t="s">
        <v>930</v>
      </c>
      <c r="AP16" t="s">
        <v>930</v>
      </c>
      <c r="AQ16" s="1" t="s">
        <v>930</v>
      </c>
      <c r="AR16" s="1" t="s">
        <v>930</v>
      </c>
      <c r="AS16" s="1" t="s">
        <v>930</v>
      </c>
      <c r="AT16" s="1" t="s">
        <v>939</v>
      </c>
      <c r="AU16" s="1" t="s">
        <v>925</v>
      </c>
      <c r="AV16" s="1" t="s">
        <v>923</v>
      </c>
      <c r="AW16" s="1" t="s">
        <v>923</v>
      </c>
      <c r="AX16" s="1" t="s">
        <v>930</v>
      </c>
      <c r="AY16" s="1" t="s">
        <v>937</v>
      </c>
      <c r="AZ16" s="1" t="s">
        <v>938</v>
      </c>
      <c r="BA16" s="1" t="s">
        <v>926</v>
      </c>
      <c r="BB16" s="1" t="s">
        <v>938</v>
      </c>
      <c r="BC16" s="1">
        <v>1</v>
      </c>
      <c r="BD16" s="1">
        <v>1</v>
      </c>
      <c r="BE16" s="1" t="s">
        <v>927</v>
      </c>
      <c r="BF16" s="1" t="s">
        <v>927</v>
      </c>
      <c r="BG16" s="1" t="s">
        <v>927</v>
      </c>
      <c r="BH16" s="1" t="s">
        <v>926</v>
      </c>
      <c r="BI16" s="1" t="s">
        <v>924</v>
      </c>
      <c r="BJ16" s="1" t="s">
        <v>926</v>
      </c>
      <c r="BK16" s="1" t="s">
        <v>925</v>
      </c>
      <c r="BL16" s="1" t="s">
        <v>947</v>
      </c>
      <c r="BM16" s="1">
        <v>0.05</v>
      </c>
      <c r="BN16" s="1">
        <v>8.2000000000000003E-2</v>
      </c>
      <c r="BO16" s="1">
        <v>18</v>
      </c>
      <c r="BP16" s="1">
        <v>5</v>
      </c>
      <c r="BQ16" s="1"/>
      <c r="BR16" s="1" t="s">
        <v>946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9166666666666663</v>
      </c>
      <c r="C17" s="1" t="s">
        <v>885</v>
      </c>
      <c r="D17" s="1" t="s">
        <v>27</v>
      </c>
      <c r="E17" s="1" t="s">
        <v>28</v>
      </c>
      <c r="F17" s="1" t="s">
        <v>607</v>
      </c>
      <c r="G17" s="1" t="s">
        <v>545</v>
      </c>
      <c r="H17" s="1" t="s">
        <v>403</v>
      </c>
      <c r="I17" s="1" t="s">
        <v>710</v>
      </c>
      <c r="J17" s="1" t="s">
        <v>407</v>
      </c>
      <c r="K17" s="1" t="s">
        <v>149</v>
      </c>
      <c r="L17" s="1" t="s">
        <v>34</v>
      </c>
      <c r="N17" s="1" t="s">
        <v>35</v>
      </c>
      <c r="O17" s="1" t="s">
        <v>74</v>
      </c>
      <c r="P17" s="1" t="s">
        <v>56</v>
      </c>
      <c r="Q17" s="1" t="s">
        <v>38</v>
      </c>
      <c r="R17" s="1" t="s">
        <v>177</v>
      </c>
      <c r="S17" s="1" t="s">
        <v>82</v>
      </c>
      <c r="T17" s="1" t="s">
        <v>126</v>
      </c>
      <c r="U17" s="1">
        <v>8.6</v>
      </c>
      <c r="V17" s="1"/>
      <c r="W17" s="1"/>
      <c r="X17" s="1"/>
      <c r="Y17" s="1"/>
      <c r="Z17" s="1"/>
      <c r="AA17" s="1" t="s">
        <v>971</v>
      </c>
      <c r="AB17" s="1" t="s">
        <v>971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9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84</v>
      </c>
      <c r="B18" s="2">
        <v>0.125</v>
      </c>
      <c r="C18" s="1" t="s">
        <v>885</v>
      </c>
      <c r="D18" s="1" t="s">
        <v>27</v>
      </c>
      <c r="E18" s="1" t="s">
        <v>28</v>
      </c>
      <c r="F18" s="1" t="s">
        <v>545</v>
      </c>
      <c r="G18" s="1" t="s">
        <v>102</v>
      </c>
      <c r="H18" s="1" t="s">
        <v>541</v>
      </c>
      <c r="I18" s="1" t="s">
        <v>711</v>
      </c>
      <c r="J18" s="1" t="s">
        <v>407</v>
      </c>
      <c r="K18" s="1" t="s">
        <v>572</v>
      </c>
      <c r="L18" s="1" t="s">
        <v>34</v>
      </c>
      <c r="N18" s="1" t="s">
        <v>35</v>
      </c>
      <c r="O18" s="1" t="s">
        <v>74</v>
      </c>
      <c r="P18" s="1" t="s">
        <v>56</v>
      </c>
      <c r="Q18" s="1" t="s">
        <v>57</v>
      </c>
      <c r="R18" s="1" t="s">
        <v>118</v>
      </c>
      <c r="S18" s="1" t="s">
        <v>196</v>
      </c>
      <c r="T18" s="1" t="s">
        <v>110</v>
      </c>
      <c r="U18" s="1">
        <v>8.6</v>
      </c>
      <c r="V18" s="1"/>
      <c r="W18" s="1"/>
      <c r="X18" s="1"/>
      <c r="Y18" s="1"/>
      <c r="Z18" s="1"/>
      <c r="AA18" s="1" t="s">
        <v>971</v>
      </c>
      <c r="AB18" s="1" t="s">
        <v>971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9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119</v>
      </c>
      <c r="B19" s="2">
        <v>0.45833333333333331</v>
      </c>
      <c r="C19" s="1" t="s">
        <v>885</v>
      </c>
      <c r="D19" s="1" t="s">
        <v>27</v>
      </c>
      <c r="E19" s="1" t="s">
        <v>887</v>
      </c>
      <c r="F19" s="1" t="s">
        <v>712</v>
      </c>
      <c r="G19" s="1" t="s">
        <v>291</v>
      </c>
      <c r="H19" s="1" t="s">
        <v>221</v>
      </c>
      <c r="I19" s="1" t="s">
        <v>713</v>
      </c>
      <c r="J19" s="1" t="s">
        <v>398</v>
      </c>
      <c r="K19" s="1" t="s">
        <v>123</v>
      </c>
      <c r="L19" s="1" t="s">
        <v>34</v>
      </c>
      <c r="N19" s="1" t="s">
        <v>232</v>
      </c>
      <c r="O19" s="1" t="s">
        <v>74</v>
      </c>
      <c r="P19" s="1" t="s">
        <v>56</v>
      </c>
      <c r="Q19" s="1" t="s">
        <v>99</v>
      </c>
      <c r="R19" s="1" t="s">
        <v>109</v>
      </c>
      <c r="S19" s="1" t="s">
        <v>83</v>
      </c>
      <c r="T19" s="1" t="s">
        <v>126</v>
      </c>
      <c r="U19" s="1">
        <v>9.1999999999999993</v>
      </c>
      <c r="V19" s="3">
        <v>7900</v>
      </c>
      <c r="W19" s="1"/>
      <c r="X19" s="1">
        <v>1.4</v>
      </c>
      <c r="Y19" s="1">
        <v>6.7000000000000004E-2</v>
      </c>
      <c r="Z19" s="1">
        <v>3.0000000000000001E-3</v>
      </c>
      <c r="AA19" s="1" t="s">
        <v>971</v>
      </c>
      <c r="AB19" s="1" t="s">
        <v>97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938</v>
      </c>
      <c r="BC19" s="1">
        <v>1.3</v>
      </c>
      <c r="BD19" s="1">
        <v>1.3</v>
      </c>
      <c r="BE19" s="1"/>
      <c r="BF19" s="1"/>
      <c r="BG19" s="1"/>
      <c r="BH19" s="1"/>
      <c r="BI19" s="1"/>
      <c r="BJ19" s="1"/>
      <c r="BK19" s="1"/>
      <c r="BL19" s="1"/>
      <c r="BM19" s="1">
        <v>0.04</v>
      </c>
      <c r="BN19" s="1">
        <v>6.2E-2</v>
      </c>
      <c r="BO19" s="1">
        <v>18</v>
      </c>
      <c r="BP19" s="1">
        <v>4.8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B20" s="2">
        <v>0.79166666666666663</v>
      </c>
      <c r="C20" s="1" t="s">
        <v>885</v>
      </c>
      <c r="D20" s="1" t="s">
        <v>27</v>
      </c>
      <c r="E20" s="1" t="s">
        <v>887</v>
      </c>
      <c r="F20" s="1" t="s">
        <v>29</v>
      </c>
      <c r="G20" s="1" t="s">
        <v>86</v>
      </c>
      <c r="H20" s="1" t="s">
        <v>221</v>
      </c>
      <c r="I20" s="1" t="s">
        <v>714</v>
      </c>
      <c r="J20" s="1" t="s">
        <v>398</v>
      </c>
      <c r="K20" s="1" t="s">
        <v>715</v>
      </c>
      <c r="L20" s="1" t="s">
        <v>716</v>
      </c>
      <c r="N20" s="1" t="s">
        <v>277</v>
      </c>
      <c r="O20" s="1" t="s">
        <v>233</v>
      </c>
      <c r="P20" s="1" t="s">
        <v>56</v>
      </c>
      <c r="Q20" s="1" t="s">
        <v>57</v>
      </c>
      <c r="R20" s="1" t="s">
        <v>109</v>
      </c>
      <c r="S20" s="1" t="s">
        <v>48</v>
      </c>
      <c r="T20" s="1" t="s">
        <v>506</v>
      </c>
      <c r="U20" s="1">
        <v>9.1</v>
      </c>
      <c r="V20" s="1"/>
      <c r="W20" s="1"/>
      <c r="X20" s="1"/>
      <c r="Y20" s="1"/>
      <c r="Z20" s="1"/>
      <c r="AA20" s="1" t="s">
        <v>971</v>
      </c>
      <c r="AB20" s="1" t="s">
        <v>971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>
        <v>18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 t="s">
        <v>303</v>
      </c>
      <c r="B21" s="2">
        <v>0.125</v>
      </c>
      <c r="C21" s="1" t="s">
        <v>885</v>
      </c>
      <c r="D21" s="1" t="s">
        <v>27</v>
      </c>
      <c r="E21" s="1" t="s">
        <v>887</v>
      </c>
      <c r="F21" s="1" t="s">
        <v>214</v>
      </c>
      <c r="G21" s="1" t="s">
        <v>491</v>
      </c>
      <c r="H21" s="1" t="s">
        <v>258</v>
      </c>
      <c r="I21" s="1" t="s">
        <v>717</v>
      </c>
      <c r="J21" s="1" t="s">
        <v>398</v>
      </c>
      <c r="K21" s="1" t="s">
        <v>702</v>
      </c>
      <c r="L21" s="1" t="s">
        <v>65</v>
      </c>
      <c r="N21" s="1" t="s">
        <v>232</v>
      </c>
      <c r="O21" s="1" t="s">
        <v>233</v>
      </c>
      <c r="P21" s="1" t="s">
        <v>56</v>
      </c>
      <c r="Q21" s="1" t="s">
        <v>144</v>
      </c>
      <c r="R21" s="1" t="s">
        <v>404</v>
      </c>
      <c r="S21" s="1" t="s">
        <v>48</v>
      </c>
      <c r="T21" s="1" t="s">
        <v>181</v>
      </c>
      <c r="U21" s="1">
        <v>9.5</v>
      </c>
      <c r="V21" s="1"/>
      <c r="W21" s="1"/>
      <c r="X21" s="1"/>
      <c r="Y21" s="1"/>
      <c r="Z21" s="1"/>
      <c r="AA21" s="1" t="s">
        <v>971</v>
      </c>
      <c r="AB21" s="1" t="s">
        <v>97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9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309</v>
      </c>
      <c r="B22" s="2">
        <v>0.45833333333333331</v>
      </c>
      <c r="C22" s="1" t="s">
        <v>885</v>
      </c>
      <c r="D22" s="1" t="s">
        <v>27</v>
      </c>
      <c r="E22" s="1" t="s">
        <v>28</v>
      </c>
      <c r="F22" s="1" t="s">
        <v>77</v>
      </c>
      <c r="G22" s="1" t="s">
        <v>414</v>
      </c>
      <c r="H22" s="1" t="s">
        <v>541</v>
      </c>
      <c r="I22" s="1" t="s">
        <v>307</v>
      </c>
      <c r="J22" s="1" t="s">
        <v>552</v>
      </c>
      <c r="K22" s="1" t="s">
        <v>310</v>
      </c>
      <c r="L22" s="1" t="s">
        <v>34</v>
      </c>
      <c r="N22" s="1" t="s">
        <v>35</v>
      </c>
      <c r="O22" s="1" t="s">
        <v>74</v>
      </c>
      <c r="P22" s="1" t="s">
        <v>56</v>
      </c>
      <c r="Q22" s="1" t="s">
        <v>91</v>
      </c>
      <c r="R22" s="1" t="s">
        <v>404</v>
      </c>
      <c r="S22" s="1" t="s">
        <v>416</v>
      </c>
      <c r="T22" s="1" t="s">
        <v>41</v>
      </c>
      <c r="U22" s="1">
        <v>10</v>
      </c>
      <c r="V22" s="3">
        <v>700</v>
      </c>
      <c r="W22" s="1"/>
      <c r="X22" s="1">
        <v>2.1</v>
      </c>
      <c r="Y22" s="1">
        <v>8.6999999999999994E-2</v>
      </c>
      <c r="Z22" s="1">
        <v>4.0000000000000001E-3</v>
      </c>
      <c r="AA22" s="1" t="s">
        <v>970</v>
      </c>
      <c r="AB22" s="1" t="s">
        <v>985</v>
      </c>
      <c r="AC22" s="1" t="s">
        <v>923</v>
      </c>
      <c r="AD22" s="1" t="s">
        <v>924</v>
      </c>
      <c r="AE22" s="1" t="s">
        <v>927</v>
      </c>
      <c r="AF22" s="1" t="s">
        <v>926</v>
      </c>
      <c r="AG22" s="1" t="s">
        <v>927</v>
      </c>
      <c r="AH22" s="1" t="s">
        <v>925</v>
      </c>
      <c r="AI22" s="1"/>
      <c r="AJ22" s="1"/>
      <c r="AK22" s="1"/>
      <c r="AL22" s="1" t="s">
        <v>930</v>
      </c>
      <c r="AM22" s="1"/>
      <c r="AN22" s="1"/>
      <c r="AO22" s="1"/>
      <c r="AP22" t="s">
        <v>930</v>
      </c>
      <c r="AQ22" s="1"/>
      <c r="AR22" s="1" t="s">
        <v>930</v>
      </c>
      <c r="AS22" s="1" t="s">
        <v>930</v>
      </c>
      <c r="AT22" s="1"/>
      <c r="AU22" s="1"/>
      <c r="AV22" s="1"/>
      <c r="AW22" s="1"/>
      <c r="AX22" s="1"/>
      <c r="AY22" s="1"/>
      <c r="AZ22" s="1" t="s">
        <v>938</v>
      </c>
      <c r="BA22" s="1" t="s">
        <v>926</v>
      </c>
      <c r="BB22" s="1" t="s">
        <v>938</v>
      </c>
      <c r="BC22" s="1">
        <v>1.8</v>
      </c>
      <c r="BD22" s="1">
        <v>1.8</v>
      </c>
      <c r="BE22" s="1"/>
      <c r="BF22" s="1" t="s">
        <v>927</v>
      </c>
      <c r="BG22" s="1" t="s">
        <v>927</v>
      </c>
      <c r="BH22" s="1" t="s">
        <v>926</v>
      </c>
      <c r="BI22" s="1" t="s">
        <v>924</v>
      </c>
      <c r="BJ22" s="1"/>
      <c r="BK22" s="1"/>
      <c r="BL22" s="1"/>
      <c r="BM22" s="1" t="s">
        <v>945</v>
      </c>
      <c r="BN22" s="1">
        <v>7.3999999999999996E-2</v>
      </c>
      <c r="BO22" s="1">
        <v>20</v>
      </c>
      <c r="BP22" s="1">
        <v>5.9</v>
      </c>
      <c r="BQ22" s="1"/>
      <c r="BR22" s="1" t="s">
        <v>946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9166666666666663</v>
      </c>
      <c r="C23" s="1" t="s">
        <v>885</v>
      </c>
      <c r="D23" s="1" t="s">
        <v>27</v>
      </c>
      <c r="E23" s="1" t="s">
        <v>28</v>
      </c>
      <c r="F23" s="1" t="s">
        <v>417</v>
      </c>
      <c r="G23" s="1" t="s">
        <v>227</v>
      </c>
      <c r="H23" s="1" t="s">
        <v>385</v>
      </c>
      <c r="I23" s="1" t="s">
        <v>718</v>
      </c>
      <c r="J23" s="1" t="s">
        <v>271</v>
      </c>
      <c r="K23" s="1" t="s">
        <v>258</v>
      </c>
      <c r="L23" s="1" t="s">
        <v>34</v>
      </c>
      <c r="N23" s="1" t="s">
        <v>35</v>
      </c>
      <c r="O23" s="1" t="s">
        <v>74</v>
      </c>
      <c r="P23" s="1" t="s">
        <v>56</v>
      </c>
      <c r="Q23" s="1" t="s">
        <v>57</v>
      </c>
      <c r="R23" s="1" t="s">
        <v>177</v>
      </c>
      <c r="S23" s="1" t="s">
        <v>82</v>
      </c>
      <c r="T23" s="1" t="s">
        <v>59</v>
      </c>
      <c r="U23" s="1">
        <v>9.3000000000000007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20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33</v>
      </c>
      <c r="B24" s="2">
        <v>0.125</v>
      </c>
      <c r="C24" s="1" t="s">
        <v>885</v>
      </c>
      <c r="D24" s="1" t="s">
        <v>27</v>
      </c>
      <c r="E24" s="1" t="s">
        <v>28</v>
      </c>
      <c r="F24" s="1" t="s">
        <v>639</v>
      </c>
      <c r="G24" s="1" t="s">
        <v>61</v>
      </c>
      <c r="H24" s="1" t="s">
        <v>394</v>
      </c>
      <c r="I24" s="1" t="s">
        <v>295</v>
      </c>
      <c r="J24" s="1" t="s">
        <v>271</v>
      </c>
      <c r="K24" s="1" t="s">
        <v>221</v>
      </c>
      <c r="L24" s="1" t="s">
        <v>34</v>
      </c>
      <c r="N24" s="1" t="s">
        <v>35</v>
      </c>
      <c r="O24" s="1" t="s">
        <v>74</v>
      </c>
      <c r="P24" s="1" t="s">
        <v>56</v>
      </c>
      <c r="Q24" s="1" t="s">
        <v>144</v>
      </c>
      <c r="R24" s="1" t="s">
        <v>404</v>
      </c>
      <c r="S24" s="1" t="s">
        <v>416</v>
      </c>
      <c r="T24" s="1" t="s">
        <v>59</v>
      </c>
      <c r="U24" s="1">
        <v>9.6</v>
      </c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>
        <v>20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320</v>
      </c>
      <c r="B25" s="2">
        <v>0.45833333333333331</v>
      </c>
      <c r="C25" s="1" t="s">
        <v>885</v>
      </c>
      <c r="D25" s="1" t="s">
        <v>27</v>
      </c>
      <c r="E25" s="1" t="s">
        <v>887</v>
      </c>
      <c r="F25" s="1" t="s">
        <v>606</v>
      </c>
      <c r="G25" s="1" t="s">
        <v>135</v>
      </c>
      <c r="H25" s="1" t="s">
        <v>541</v>
      </c>
      <c r="I25" s="1" t="s">
        <v>213</v>
      </c>
      <c r="J25" s="1" t="s">
        <v>552</v>
      </c>
      <c r="K25" s="1" t="s">
        <v>354</v>
      </c>
      <c r="L25" s="1" t="s">
        <v>34</v>
      </c>
      <c r="N25" s="1" t="s">
        <v>35</v>
      </c>
      <c r="O25" s="1" t="s">
        <v>74</v>
      </c>
      <c r="P25" s="1" t="s">
        <v>56</v>
      </c>
      <c r="Q25" s="1" t="s">
        <v>91</v>
      </c>
      <c r="R25" s="1" t="s">
        <v>118</v>
      </c>
      <c r="S25" s="1" t="s">
        <v>83</v>
      </c>
      <c r="T25" s="1" t="s">
        <v>59</v>
      </c>
      <c r="U25" s="1">
        <v>10.4</v>
      </c>
      <c r="V25" s="3">
        <v>790</v>
      </c>
      <c r="W25" s="1"/>
      <c r="X25" s="1">
        <v>2.1</v>
      </c>
      <c r="Y25" s="1">
        <v>0.1</v>
      </c>
      <c r="Z25" s="1">
        <v>4.0000000000000001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938</v>
      </c>
      <c r="BC25" s="1">
        <v>1.8</v>
      </c>
      <c r="BD25" s="1">
        <v>1.8</v>
      </c>
      <c r="BE25" s="1"/>
      <c r="BF25" s="1"/>
      <c r="BG25" s="1"/>
      <c r="BH25" s="1"/>
      <c r="BI25" s="1"/>
      <c r="BJ25" s="1"/>
      <c r="BK25" s="1"/>
      <c r="BL25" s="1"/>
      <c r="BM25" s="1" t="s">
        <v>945</v>
      </c>
      <c r="BN25" s="1">
        <v>8.6999999999999994E-2</v>
      </c>
      <c r="BO25" s="1">
        <v>20</v>
      </c>
      <c r="BP25" s="1">
        <v>5.4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79166666666666663</v>
      </c>
      <c r="C26" s="1" t="s">
        <v>885</v>
      </c>
      <c r="D26" s="1" t="s">
        <v>27</v>
      </c>
      <c r="E26" s="1" t="s">
        <v>887</v>
      </c>
      <c r="F26" s="1" t="s">
        <v>326</v>
      </c>
      <c r="G26" s="1" t="s">
        <v>454</v>
      </c>
      <c r="H26" s="1" t="s">
        <v>548</v>
      </c>
      <c r="I26" s="1" t="s">
        <v>104</v>
      </c>
      <c r="J26" s="1" t="s">
        <v>552</v>
      </c>
      <c r="K26" s="1" t="s">
        <v>478</v>
      </c>
      <c r="L26" s="1" t="s">
        <v>34</v>
      </c>
      <c r="N26" s="1" t="s">
        <v>35</v>
      </c>
      <c r="O26" s="1" t="s">
        <v>74</v>
      </c>
      <c r="P26" s="1" t="s">
        <v>56</v>
      </c>
      <c r="Q26" s="1" t="s">
        <v>57</v>
      </c>
      <c r="R26" s="1" t="s">
        <v>118</v>
      </c>
      <c r="S26" s="1" t="s">
        <v>75</v>
      </c>
      <c r="T26" s="1" t="s">
        <v>59</v>
      </c>
      <c r="U26" s="1">
        <v>9.6999999999999993</v>
      </c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2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30</v>
      </c>
      <c r="B27" s="2">
        <v>0.125</v>
      </c>
      <c r="C27" s="1" t="s">
        <v>885</v>
      </c>
      <c r="D27" s="1" t="s">
        <v>27</v>
      </c>
      <c r="E27" s="1" t="s">
        <v>887</v>
      </c>
      <c r="F27" s="1" t="s">
        <v>643</v>
      </c>
      <c r="G27" s="1" t="s">
        <v>417</v>
      </c>
      <c r="H27" s="1" t="s">
        <v>548</v>
      </c>
      <c r="I27" s="1" t="s">
        <v>719</v>
      </c>
      <c r="J27" s="1" t="s">
        <v>552</v>
      </c>
      <c r="K27" s="1" t="s">
        <v>478</v>
      </c>
      <c r="L27" s="1" t="s">
        <v>34</v>
      </c>
      <c r="N27" s="1" t="s">
        <v>35</v>
      </c>
      <c r="O27" s="1" t="s">
        <v>74</v>
      </c>
      <c r="P27" s="1" t="s">
        <v>56</v>
      </c>
      <c r="Q27" s="1" t="s">
        <v>57</v>
      </c>
      <c r="R27" s="1" t="s">
        <v>118</v>
      </c>
      <c r="S27" s="1" t="s">
        <v>189</v>
      </c>
      <c r="T27" s="1" t="s">
        <v>59</v>
      </c>
      <c r="U27" s="1">
        <v>10.7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61</v>
      </c>
      <c r="B28" s="2">
        <v>0.45833333333333331</v>
      </c>
      <c r="C28" s="1" t="s">
        <v>885</v>
      </c>
      <c r="D28" s="1" t="s">
        <v>68</v>
      </c>
      <c r="E28" s="1" t="s">
        <v>887</v>
      </c>
      <c r="F28" s="1" t="s">
        <v>257</v>
      </c>
      <c r="G28" s="1" t="s">
        <v>430</v>
      </c>
      <c r="H28" s="1" t="s">
        <v>548</v>
      </c>
      <c r="I28" s="1" t="s">
        <v>88</v>
      </c>
      <c r="J28" s="1" t="s">
        <v>407</v>
      </c>
      <c r="K28" s="1" t="s">
        <v>493</v>
      </c>
      <c r="L28" s="1" t="s">
        <v>34</v>
      </c>
      <c r="N28" s="1" t="s">
        <v>35</v>
      </c>
      <c r="O28" s="1" t="s">
        <v>74</v>
      </c>
      <c r="P28" s="1" t="s">
        <v>56</v>
      </c>
      <c r="Q28" s="1" t="s">
        <v>91</v>
      </c>
      <c r="R28" s="1" t="s">
        <v>58</v>
      </c>
      <c r="S28" s="1" t="s">
        <v>76</v>
      </c>
      <c r="T28" s="1" t="s">
        <v>110</v>
      </c>
      <c r="U28" s="1">
        <v>10.4</v>
      </c>
      <c r="V28" s="3">
        <v>1100</v>
      </c>
      <c r="W28" s="1"/>
      <c r="X28" s="1">
        <v>2.2999999999999998</v>
      </c>
      <c r="Y28" s="1">
        <v>8.5999999999999993E-2</v>
      </c>
      <c r="Z28" s="1">
        <v>6.0000000000000001E-3</v>
      </c>
      <c r="AA28" t="s">
        <v>970</v>
      </c>
      <c r="AB28" t="s">
        <v>940</v>
      </c>
      <c r="AC28" s="1" t="s">
        <v>923</v>
      </c>
      <c r="AD28" s="1" t="s">
        <v>924</v>
      </c>
      <c r="AE28" s="1" t="s">
        <v>927</v>
      </c>
      <c r="AF28" s="1" t="s">
        <v>926</v>
      </c>
      <c r="AG28" s="1" t="s">
        <v>927</v>
      </c>
      <c r="AH28" s="1" t="s">
        <v>925</v>
      </c>
      <c r="AI28" s="1"/>
      <c r="AJ28" s="1"/>
      <c r="AK28" s="1"/>
      <c r="AL28" s="1" t="s">
        <v>930</v>
      </c>
      <c r="AM28" s="1"/>
      <c r="AN28" s="1"/>
      <c r="AO28" s="1"/>
      <c r="AP28" t="s">
        <v>930</v>
      </c>
      <c r="AQ28" s="1"/>
      <c r="AR28" s="1" t="s">
        <v>930</v>
      </c>
      <c r="AS28" s="1" t="s">
        <v>930</v>
      </c>
      <c r="AT28" s="1"/>
      <c r="AU28" s="1"/>
      <c r="AV28" s="1"/>
      <c r="AW28" s="1"/>
      <c r="AX28" s="1"/>
      <c r="AY28" s="1"/>
      <c r="AZ28" s="1" t="s">
        <v>938</v>
      </c>
      <c r="BA28" s="1" t="s">
        <v>926</v>
      </c>
      <c r="BB28" s="1" t="s">
        <v>938</v>
      </c>
      <c r="BC28" s="1">
        <v>1.9</v>
      </c>
      <c r="BD28" s="1">
        <v>1.9</v>
      </c>
      <c r="BF28" s="1" t="s">
        <v>927</v>
      </c>
      <c r="BG28" s="1" t="s">
        <v>927</v>
      </c>
      <c r="BH28" s="1" t="s">
        <v>926</v>
      </c>
      <c r="BI28" s="1" t="s">
        <v>924</v>
      </c>
      <c r="BJ28" s="1"/>
      <c r="BK28" s="1"/>
      <c r="BL28" s="1"/>
      <c r="BM28" s="1" t="s">
        <v>945</v>
      </c>
      <c r="BN28" s="1">
        <v>6.5000000000000002E-2</v>
      </c>
      <c r="BO28" s="1">
        <v>20</v>
      </c>
      <c r="BP28" s="1">
        <v>5.7</v>
      </c>
      <c r="BQ28" s="1"/>
      <c r="BR28" s="1" t="s">
        <v>946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79166666666666663</v>
      </c>
      <c r="C29" s="1" t="s">
        <v>885</v>
      </c>
      <c r="D29" s="1" t="s">
        <v>68</v>
      </c>
      <c r="E29" s="1" t="s">
        <v>887</v>
      </c>
      <c r="F29" s="1" t="s">
        <v>460</v>
      </c>
      <c r="G29" s="1" t="s">
        <v>606</v>
      </c>
      <c r="H29" s="1" t="s">
        <v>649</v>
      </c>
      <c r="I29" s="1" t="s">
        <v>88</v>
      </c>
      <c r="J29" s="1" t="s">
        <v>552</v>
      </c>
      <c r="K29" s="1" t="s">
        <v>556</v>
      </c>
      <c r="L29" s="1" t="s">
        <v>34</v>
      </c>
      <c r="N29" s="1" t="s">
        <v>35</v>
      </c>
      <c r="O29" s="1" t="s">
        <v>74</v>
      </c>
      <c r="P29" s="1" t="s">
        <v>56</v>
      </c>
      <c r="Q29" s="1" t="s">
        <v>144</v>
      </c>
      <c r="R29" s="1" t="s">
        <v>152</v>
      </c>
      <c r="S29" s="1" t="s">
        <v>160</v>
      </c>
      <c r="T29" s="1" t="s">
        <v>126</v>
      </c>
      <c r="U29" s="1">
        <v>9.6</v>
      </c>
      <c r="V29" s="1"/>
      <c r="W29" s="1"/>
      <c r="X29" s="1"/>
      <c r="Y29" s="1"/>
      <c r="Z29" s="1"/>
      <c r="AA29" t="s">
        <v>971</v>
      </c>
      <c r="AB29" t="s">
        <v>971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21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 t="s">
        <v>343</v>
      </c>
      <c r="B30" s="2">
        <v>0.125</v>
      </c>
      <c r="C30" s="1" t="s">
        <v>885</v>
      </c>
      <c r="D30" s="1" t="s">
        <v>68</v>
      </c>
      <c r="E30" s="1" t="s">
        <v>887</v>
      </c>
      <c r="F30" s="1" t="s">
        <v>210</v>
      </c>
      <c r="G30" s="1" t="s">
        <v>220</v>
      </c>
      <c r="H30" s="1" t="s">
        <v>557</v>
      </c>
      <c r="I30" s="1" t="s">
        <v>482</v>
      </c>
      <c r="J30" s="1" t="s">
        <v>407</v>
      </c>
      <c r="K30" s="1" t="s">
        <v>618</v>
      </c>
      <c r="L30" s="1" t="s">
        <v>34</v>
      </c>
      <c r="N30" s="1" t="s">
        <v>35</v>
      </c>
      <c r="O30" s="1" t="s">
        <v>74</v>
      </c>
      <c r="P30" s="1" t="s">
        <v>56</v>
      </c>
      <c r="Q30" s="1" t="s">
        <v>57</v>
      </c>
      <c r="R30" s="1" t="s">
        <v>159</v>
      </c>
      <c r="S30" s="1" t="s">
        <v>48</v>
      </c>
      <c r="T30" s="1" t="s">
        <v>59</v>
      </c>
      <c r="U30" s="1">
        <v>10</v>
      </c>
      <c r="V30" s="1"/>
      <c r="W30" s="1"/>
      <c r="X30" s="1"/>
      <c r="Y30" s="1"/>
      <c r="Z30" s="1"/>
      <c r="AA30" t="s">
        <v>971</v>
      </c>
      <c r="AB30" t="s">
        <v>971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21</v>
      </c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71</v>
      </c>
      <c r="B31" s="2">
        <v>0.45833333333333331</v>
      </c>
      <c r="C31" s="1" t="s">
        <v>885</v>
      </c>
      <c r="D31" s="1" t="s">
        <v>27</v>
      </c>
      <c r="E31" s="1" t="s">
        <v>28</v>
      </c>
      <c r="F31" s="1" t="s">
        <v>380</v>
      </c>
      <c r="G31" s="1" t="s">
        <v>183</v>
      </c>
      <c r="H31" s="1" t="s">
        <v>557</v>
      </c>
      <c r="I31" s="1" t="s">
        <v>298</v>
      </c>
      <c r="J31" s="1" t="s">
        <v>407</v>
      </c>
      <c r="K31" s="1" t="s">
        <v>194</v>
      </c>
      <c r="L31" s="1" t="s">
        <v>34</v>
      </c>
      <c r="N31" s="1" t="s">
        <v>35</v>
      </c>
      <c r="O31" s="1" t="s">
        <v>74</v>
      </c>
      <c r="P31" s="1" t="s">
        <v>56</v>
      </c>
      <c r="Q31" s="1" t="s">
        <v>99</v>
      </c>
      <c r="R31" s="1" t="s">
        <v>47</v>
      </c>
      <c r="S31" s="1" t="s">
        <v>416</v>
      </c>
      <c r="T31" s="1" t="s">
        <v>59</v>
      </c>
      <c r="U31" s="1">
        <v>12</v>
      </c>
      <c r="V31" s="3">
        <v>68</v>
      </c>
      <c r="W31" s="1"/>
      <c r="X31" s="1">
        <v>2.2999999999999998</v>
      </c>
      <c r="Y31" s="1">
        <v>9.8000000000000004E-2</v>
      </c>
      <c r="Z31" s="1">
        <v>0.01</v>
      </c>
      <c r="AA31" t="s">
        <v>971</v>
      </c>
      <c r="AB31" t="s">
        <v>971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938</v>
      </c>
      <c r="BC31" s="1">
        <v>2</v>
      </c>
      <c r="BD31" s="1">
        <v>2</v>
      </c>
      <c r="BF31" s="1"/>
      <c r="BG31" s="1"/>
      <c r="BH31" s="1"/>
      <c r="BI31" s="1"/>
      <c r="BJ31" s="1"/>
      <c r="BK31" s="1"/>
      <c r="BL31" s="1"/>
      <c r="BM31" s="1" t="s">
        <v>945</v>
      </c>
      <c r="BN31" s="1">
        <v>0.08</v>
      </c>
      <c r="BO31" s="1">
        <v>20</v>
      </c>
      <c r="BP31" s="1">
        <v>5.7</v>
      </c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B32" s="2">
        <v>0.79166666666666663</v>
      </c>
      <c r="C32" s="1" t="s">
        <v>885</v>
      </c>
      <c r="D32" s="1" t="s">
        <v>27</v>
      </c>
      <c r="E32" s="1" t="s">
        <v>28</v>
      </c>
      <c r="F32" s="1" t="s">
        <v>40</v>
      </c>
      <c r="G32" s="1" t="s">
        <v>375</v>
      </c>
      <c r="H32" s="1" t="s">
        <v>557</v>
      </c>
      <c r="I32" s="1" t="s">
        <v>287</v>
      </c>
      <c r="J32" s="1" t="s">
        <v>407</v>
      </c>
      <c r="K32" s="1" t="s">
        <v>194</v>
      </c>
      <c r="L32" s="1" t="s">
        <v>34</v>
      </c>
      <c r="N32" s="1" t="s">
        <v>35</v>
      </c>
      <c r="O32" s="1" t="s">
        <v>74</v>
      </c>
      <c r="P32" s="1" t="s">
        <v>56</v>
      </c>
      <c r="Q32" s="1" t="s">
        <v>57</v>
      </c>
      <c r="R32" s="1" t="s">
        <v>58</v>
      </c>
      <c r="S32" s="1" t="s">
        <v>244</v>
      </c>
      <c r="T32" s="1" t="s">
        <v>110</v>
      </c>
      <c r="U32" s="1">
        <v>11.4</v>
      </c>
      <c r="V32" s="1"/>
      <c r="W32" s="1"/>
      <c r="X32" s="1"/>
      <c r="Y32" s="1"/>
      <c r="Z32" s="1"/>
      <c r="AA32" t="s">
        <v>971</v>
      </c>
      <c r="AB32" t="s">
        <v>971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/>
      <c r="BC32" s="1"/>
      <c r="BD32" s="1"/>
      <c r="BF32" s="1"/>
      <c r="BG32" s="1"/>
      <c r="BH32" s="1"/>
      <c r="BI32" s="1"/>
      <c r="BJ32" s="1"/>
      <c r="BK32" s="1"/>
      <c r="BL32" s="1"/>
      <c r="BM32" s="1"/>
      <c r="BN32" s="1"/>
      <c r="BO32" s="1">
        <v>21</v>
      </c>
      <c r="BP32" s="1"/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A33" s="1" t="s">
        <v>352</v>
      </c>
      <c r="B33" s="2">
        <v>0.125</v>
      </c>
      <c r="C33" s="1" t="s">
        <v>885</v>
      </c>
      <c r="D33" s="1" t="s">
        <v>27</v>
      </c>
      <c r="E33" s="1" t="s">
        <v>28</v>
      </c>
      <c r="F33" s="1" t="s">
        <v>720</v>
      </c>
      <c r="G33" s="1" t="s">
        <v>108</v>
      </c>
      <c r="H33" s="1" t="s">
        <v>550</v>
      </c>
      <c r="I33" s="1" t="s">
        <v>565</v>
      </c>
      <c r="J33" s="1" t="s">
        <v>407</v>
      </c>
      <c r="K33" s="1" t="s">
        <v>194</v>
      </c>
      <c r="L33" s="1" t="s">
        <v>34</v>
      </c>
      <c r="N33" s="1" t="s">
        <v>35</v>
      </c>
      <c r="O33" s="1" t="s">
        <v>74</v>
      </c>
      <c r="P33" s="1" t="s">
        <v>56</v>
      </c>
      <c r="Q33" s="1" t="s">
        <v>57</v>
      </c>
      <c r="R33" s="1" t="s">
        <v>132</v>
      </c>
      <c r="S33" s="1" t="s">
        <v>83</v>
      </c>
      <c r="T33" s="1" t="s">
        <v>41</v>
      </c>
      <c r="U33" s="1">
        <v>11.9</v>
      </c>
      <c r="V33" s="1"/>
      <c r="W33" s="1"/>
      <c r="X33" s="1"/>
      <c r="Y33" s="1"/>
      <c r="Z33" s="1"/>
      <c r="AA33" t="s">
        <v>971</v>
      </c>
      <c r="AB33" t="s">
        <v>971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21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356</v>
      </c>
      <c r="B34" s="2">
        <v>0.45833333333333331</v>
      </c>
      <c r="C34" s="1" t="s">
        <v>885</v>
      </c>
      <c r="D34" s="1" t="s">
        <v>68</v>
      </c>
      <c r="E34" s="1" t="s">
        <v>28</v>
      </c>
      <c r="F34" s="1" t="s">
        <v>198</v>
      </c>
      <c r="G34" s="1" t="s">
        <v>192</v>
      </c>
      <c r="H34" s="1" t="s">
        <v>217</v>
      </c>
      <c r="I34" s="1" t="s">
        <v>390</v>
      </c>
      <c r="J34" s="1" t="s">
        <v>407</v>
      </c>
      <c r="K34" s="1" t="s">
        <v>194</v>
      </c>
      <c r="L34" s="1" t="s">
        <v>34</v>
      </c>
      <c r="N34" s="1" t="s">
        <v>35</v>
      </c>
      <c r="O34" s="1" t="s">
        <v>74</v>
      </c>
      <c r="P34" s="1" t="s">
        <v>56</v>
      </c>
      <c r="Q34" s="1" t="s">
        <v>99</v>
      </c>
      <c r="R34" s="1" t="s">
        <v>118</v>
      </c>
      <c r="S34" s="1" t="s">
        <v>189</v>
      </c>
      <c r="T34" s="1" t="s">
        <v>59</v>
      </c>
      <c r="U34" s="1">
        <v>11.2</v>
      </c>
      <c r="V34" s="3">
        <v>330</v>
      </c>
      <c r="W34" s="1" t="s">
        <v>929</v>
      </c>
      <c r="X34" s="1">
        <v>2.2999999999999998</v>
      </c>
      <c r="Y34" s="1">
        <v>9.7000000000000003E-2</v>
      </c>
      <c r="Z34" s="1">
        <v>8.9999999999999993E-3</v>
      </c>
      <c r="AA34" t="s">
        <v>970</v>
      </c>
      <c r="AB34" t="s">
        <v>940</v>
      </c>
      <c r="AC34" s="1" t="s">
        <v>923</v>
      </c>
      <c r="AD34" s="1" t="s">
        <v>924</v>
      </c>
      <c r="AE34" s="1" t="s">
        <v>927</v>
      </c>
      <c r="AF34" s="1" t="s">
        <v>926</v>
      </c>
      <c r="AG34" s="1" t="s">
        <v>927</v>
      </c>
      <c r="AH34" s="1" t="s">
        <v>925</v>
      </c>
      <c r="AI34" s="1"/>
      <c r="AJ34" s="1" t="s">
        <v>925</v>
      </c>
      <c r="AK34" s="1" t="s">
        <v>930</v>
      </c>
      <c r="AL34" s="1" t="s">
        <v>930</v>
      </c>
      <c r="AM34" s="1" t="s">
        <v>930</v>
      </c>
      <c r="AN34" s="1" t="s">
        <v>930</v>
      </c>
      <c r="AO34" s="1" t="s">
        <v>930</v>
      </c>
      <c r="AP34" t="s">
        <v>930</v>
      </c>
      <c r="AQ34" s="1" t="s">
        <v>930</v>
      </c>
      <c r="AR34" s="1" t="s">
        <v>930</v>
      </c>
      <c r="AS34" s="1" t="s">
        <v>930</v>
      </c>
      <c r="AT34" s="1" t="s">
        <v>939</v>
      </c>
      <c r="AU34" s="1" t="s">
        <v>925</v>
      </c>
      <c r="AV34" s="1" t="s">
        <v>923</v>
      </c>
      <c r="AW34" s="1" t="s">
        <v>923</v>
      </c>
      <c r="AX34" s="1" t="s">
        <v>930</v>
      </c>
      <c r="AY34" s="1" t="s">
        <v>937</v>
      </c>
      <c r="AZ34" s="1" t="s">
        <v>938</v>
      </c>
      <c r="BA34" s="1">
        <v>0.02</v>
      </c>
      <c r="BB34" s="1" t="s">
        <v>938</v>
      </c>
      <c r="BC34" s="1">
        <v>2.1</v>
      </c>
      <c r="BD34" s="1">
        <v>2.1</v>
      </c>
      <c r="BE34" t="s">
        <v>927</v>
      </c>
      <c r="BF34" s="1" t="s">
        <v>927</v>
      </c>
      <c r="BG34" s="1" t="s">
        <v>927</v>
      </c>
      <c r="BH34" s="1" t="s">
        <v>926</v>
      </c>
      <c r="BI34" s="1" t="s">
        <v>924</v>
      </c>
      <c r="BJ34" s="1" t="s">
        <v>926</v>
      </c>
      <c r="BK34" s="1" t="s">
        <v>925</v>
      </c>
      <c r="BL34" s="1" t="s">
        <v>947</v>
      </c>
      <c r="BM34" s="1" t="s">
        <v>945</v>
      </c>
      <c r="BN34" s="1">
        <v>7.8E-2</v>
      </c>
      <c r="BO34" s="1">
        <v>21</v>
      </c>
      <c r="BP34" s="1">
        <v>6.2</v>
      </c>
      <c r="BQ34" s="1"/>
      <c r="BR34" s="1" t="s">
        <v>946</v>
      </c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B35" s="2">
        <v>0.79166666666666663</v>
      </c>
      <c r="C35" s="1" t="s">
        <v>885</v>
      </c>
      <c r="D35" s="1" t="s">
        <v>68</v>
      </c>
      <c r="E35" s="1" t="s">
        <v>28</v>
      </c>
      <c r="F35" s="1" t="s">
        <v>500</v>
      </c>
      <c r="G35" s="1" t="s">
        <v>563</v>
      </c>
      <c r="H35" s="1" t="s">
        <v>312</v>
      </c>
      <c r="I35" s="1" t="s">
        <v>390</v>
      </c>
      <c r="J35" s="1" t="s">
        <v>407</v>
      </c>
      <c r="K35" s="1" t="s">
        <v>194</v>
      </c>
      <c r="L35" s="1" t="s">
        <v>34</v>
      </c>
      <c r="N35" s="1" t="s">
        <v>35</v>
      </c>
      <c r="O35" s="1" t="s">
        <v>74</v>
      </c>
      <c r="P35" s="1" t="s">
        <v>56</v>
      </c>
      <c r="Q35" s="1" t="s">
        <v>99</v>
      </c>
      <c r="R35" s="1" t="s">
        <v>58</v>
      </c>
      <c r="S35" s="1" t="s">
        <v>83</v>
      </c>
      <c r="T35" s="1" t="s">
        <v>59</v>
      </c>
      <c r="U35" s="1">
        <v>11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21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365</v>
      </c>
      <c r="B36" s="2">
        <v>0.125</v>
      </c>
      <c r="C36" s="1" t="s">
        <v>885</v>
      </c>
      <c r="D36" s="1" t="s">
        <v>27</v>
      </c>
      <c r="E36" s="1" t="s">
        <v>28</v>
      </c>
      <c r="F36" s="1" t="s">
        <v>587</v>
      </c>
      <c r="G36" s="1" t="s">
        <v>198</v>
      </c>
      <c r="H36" s="1" t="s">
        <v>312</v>
      </c>
      <c r="I36" s="1" t="s">
        <v>390</v>
      </c>
      <c r="J36" s="1" t="s">
        <v>407</v>
      </c>
      <c r="K36" s="1" t="s">
        <v>194</v>
      </c>
      <c r="L36" s="1" t="s">
        <v>34</v>
      </c>
      <c r="N36" s="1" t="s">
        <v>35</v>
      </c>
      <c r="O36" s="1" t="s">
        <v>74</v>
      </c>
      <c r="P36" s="1" t="s">
        <v>56</v>
      </c>
      <c r="Q36" s="1" t="s">
        <v>57</v>
      </c>
      <c r="R36" s="1" t="s">
        <v>47</v>
      </c>
      <c r="S36" s="1" t="s">
        <v>75</v>
      </c>
      <c r="T36" s="1" t="s">
        <v>59</v>
      </c>
      <c r="U36" s="1">
        <v>11.6</v>
      </c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>
        <v>22</v>
      </c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97</v>
      </c>
      <c r="B37" s="2">
        <v>0.45833333333333331</v>
      </c>
      <c r="C37" s="1" t="s">
        <v>885</v>
      </c>
      <c r="D37" s="1" t="s">
        <v>68</v>
      </c>
      <c r="E37" s="1" t="s">
        <v>887</v>
      </c>
      <c r="F37" s="1" t="s">
        <v>30</v>
      </c>
      <c r="G37" s="1" t="s">
        <v>616</v>
      </c>
      <c r="H37" s="1" t="s">
        <v>300</v>
      </c>
      <c r="I37" s="1" t="s">
        <v>641</v>
      </c>
      <c r="J37" s="1" t="s">
        <v>271</v>
      </c>
      <c r="K37" s="1" t="s">
        <v>248</v>
      </c>
      <c r="L37" s="1" t="s">
        <v>65</v>
      </c>
      <c r="N37" s="1" t="s">
        <v>35</v>
      </c>
      <c r="O37" s="1" t="s">
        <v>203</v>
      </c>
      <c r="P37" s="1" t="s">
        <v>37</v>
      </c>
      <c r="Q37" s="1" t="s">
        <v>99</v>
      </c>
      <c r="R37" s="1" t="s">
        <v>196</v>
      </c>
      <c r="S37" s="1" t="s">
        <v>721</v>
      </c>
      <c r="T37" s="1" t="s">
        <v>181</v>
      </c>
      <c r="U37" s="1">
        <v>11.3</v>
      </c>
      <c r="V37" s="3">
        <v>790</v>
      </c>
      <c r="W37" s="1"/>
      <c r="X37" s="1">
        <v>2.2000000000000002</v>
      </c>
      <c r="Y37" s="1">
        <v>0.15</v>
      </c>
      <c r="Z37" s="1">
        <v>1.7000000000000001E-2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 t="s">
        <v>938</v>
      </c>
      <c r="BC37" s="1">
        <v>1.7</v>
      </c>
      <c r="BD37" s="1">
        <v>1.7</v>
      </c>
      <c r="BF37" s="1"/>
      <c r="BG37" s="1"/>
      <c r="BH37" s="1"/>
      <c r="BI37" s="1"/>
      <c r="BJ37" s="1"/>
      <c r="BK37" s="1"/>
      <c r="BL37" s="1"/>
      <c r="BM37" s="1" t="s">
        <v>945</v>
      </c>
      <c r="BN37" s="1">
        <v>0.12</v>
      </c>
      <c r="BO37" s="1">
        <v>19</v>
      </c>
      <c r="BP37" s="1">
        <v>6</v>
      </c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79166666666666663</v>
      </c>
      <c r="C38" s="1" t="s">
        <v>885</v>
      </c>
      <c r="D38" s="1" t="s">
        <v>68</v>
      </c>
      <c r="E38" s="1" t="s">
        <v>887</v>
      </c>
      <c r="F38" s="1" t="s">
        <v>652</v>
      </c>
      <c r="G38" s="1" t="s">
        <v>582</v>
      </c>
      <c r="H38" s="1" t="s">
        <v>294</v>
      </c>
      <c r="I38" s="1" t="s">
        <v>113</v>
      </c>
      <c r="J38" s="1" t="s">
        <v>271</v>
      </c>
      <c r="K38" s="1" t="s">
        <v>215</v>
      </c>
      <c r="L38" s="1" t="s">
        <v>202</v>
      </c>
      <c r="N38" s="1" t="s">
        <v>35</v>
      </c>
      <c r="O38" s="1" t="s">
        <v>203</v>
      </c>
      <c r="P38" s="1" t="s">
        <v>37</v>
      </c>
      <c r="Q38" s="1" t="s">
        <v>99</v>
      </c>
      <c r="R38" s="1" t="s">
        <v>48</v>
      </c>
      <c r="S38" s="1" t="s">
        <v>466</v>
      </c>
      <c r="T38" s="1" t="s">
        <v>181</v>
      </c>
      <c r="U38" s="1">
        <v>9.9</v>
      </c>
      <c r="V38" s="1"/>
      <c r="W38" s="1"/>
      <c r="X38" s="1"/>
      <c r="Y38" s="1"/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20</v>
      </c>
      <c r="BP38" s="1"/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79</v>
      </c>
      <c r="B39" s="2">
        <v>0.125</v>
      </c>
      <c r="C39" s="1" t="s">
        <v>885</v>
      </c>
      <c r="D39" s="1" t="s">
        <v>153</v>
      </c>
      <c r="E39" s="1" t="s">
        <v>887</v>
      </c>
      <c r="F39" s="1" t="s">
        <v>593</v>
      </c>
      <c r="G39" s="1" t="s">
        <v>619</v>
      </c>
      <c r="H39" s="1" t="s">
        <v>537</v>
      </c>
      <c r="I39" s="1" t="s">
        <v>722</v>
      </c>
      <c r="J39" s="1" t="s">
        <v>254</v>
      </c>
      <c r="K39" s="1" t="s">
        <v>575</v>
      </c>
      <c r="L39" s="1" t="s">
        <v>716</v>
      </c>
      <c r="N39" s="1" t="s">
        <v>232</v>
      </c>
      <c r="O39" s="1" t="s">
        <v>203</v>
      </c>
      <c r="P39" s="1" t="s">
        <v>37</v>
      </c>
      <c r="Q39" s="1" t="s">
        <v>144</v>
      </c>
      <c r="R39" s="1" t="s">
        <v>559</v>
      </c>
      <c r="S39" s="1" t="s">
        <v>723</v>
      </c>
      <c r="T39" s="1" t="s">
        <v>724</v>
      </c>
      <c r="U39" s="1">
        <v>10.8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15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</sheetData>
  <phoneticPr fontId="18"/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34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11</v>
      </c>
      <c r="C1" s="1" t="s">
        <v>1</v>
      </c>
      <c r="D1" s="1" t="s">
        <v>912</v>
      </c>
      <c r="E1" s="1" t="s">
        <v>2</v>
      </c>
      <c r="F1" s="1" t="s">
        <v>876</v>
      </c>
      <c r="G1" s="1" t="s">
        <v>3</v>
      </c>
      <c r="H1" s="1" t="s">
        <v>89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0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7222222222222227</v>
      </c>
      <c r="C4" s="1" t="s">
        <v>885</v>
      </c>
      <c r="D4" s="1" t="s">
        <v>68</v>
      </c>
      <c r="E4" s="1" t="s">
        <v>28</v>
      </c>
      <c r="F4" s="1" t="s">
        <v>725</v>
      </c>
      <c r="G4" s="1" t="s">
        <v>220</v>
      </c>
      <c r="H4" s="1" t="s">
        <v>215</v>
      </c>
      <c r="I4" s="1" t="s">
        <v>496</v>
      </c>
      <c r="J4" s="1" t="s">
        <v>398</v>
      </c>
      <c r="K4" s="1" t="s">
        <v>271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178</v>
      </c>
      <c r="R4" s="1" t="s">
        <v>47</v>
      </c>
      <c r="S4" s="1" t="s">
        <v>76</v>
      </c>
      <c r="T4" s="1" t="s">
        <v>110</v>
      </c>
      <c r="U4" s="1">
        <v>12.1</v>
      </c>
      <c r="V4" s="3">
        <v>330</v>
      </c>
      <c r="W4" s="1"/>
      <c r="X4" s="1">
        <v>2</v>
      </c>
      <c r="Y4" s="1">
        <v>6.0999999999999999E-2</v>
      </c>
      <c r="Z4" s="1">
        <v>3.0000000000000001E-3</v>
      </c>
      <c r="AA4" s="1" t="s">
        <v>970</v>
      </c>
      <c r="AB4" s="1" t="s">
        <v>986</v>
      </c>
      <c r="AC4" s="1" t="s">
        <v>923</v>
      </c>
      <c r="AD4" s="1" t="s">
        <v>924</v>
      </c>
      <c r="AE4" s="1" t="s">
        <v>927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30</v>
      </c>
      <c r="AM4" s="1"/>
      <c r="AN4" s="1"/>
      <c r="AO4" s="1"/>
      <c r="AP4" t="s">
        <v>930</v>
      </c>
      <c r="AQ4" s="1"/>
      <c r="AR4" s="1" t="s">
        <v>930</v>
      </c>
      <c r="AS4" s="1" t="s">
        <v>930</v>
      </c>
      <c r="AT4" s="1"/>
      <c r="AU4" s="1"/>
      <c r="AV4" s="1"/>
      <c r="AW4" s="1"/>
      <c r="AX4" s="1"/>
      <c r="AY4" s="1"/>
      <c r="AZ4" s="1" t="s">
        <v>938</v>
      </c>
      <c r="BA4" s="1">
        <v>0.02</v>
      </c>
      <c r="BB4" s="1" t="s">
        <v>938</v>
      </c>
      <c r="BC4" s="1">
        <v>1.6</v>
      </c>
      <c r="BD4" s="1">
        <v>1.6</v>
      </c>
      <c r="BE4" s="1"/>
      <c r="BF4" s="1" t="s">
        <v>927</v>
      </c>
      <c r="BG4" s="1" t="s">
        <v>927</v>
      </c>
      <c r="BH4" s="1">
        <v>0.08</v>
      </c>
      <c r="BI4" s="1">
        <v>0.01</v>
      </c>
      <c r="BJ4" s="1"/>
      <c r="BK4" s="1"/>
      <c r="BL4" s="1"/>
      <c r="BM4" s="1">
        <v>0.06</v>
      </c>
      <c r="BN4" s="1">
        <v>3.6999999999999998E-2</v>
      </c>
      <c r="BO4" s="1">
        <v>24</v>
      </c>
      <c r="BP4" s="1">
        <v>8.1999999999999993</v>
      </c>
      <c r="BQ4" s="1"/>
      <c r="BR4" s="1" t="s">
        <v>946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0555555555555547</v>
      </c>
      <c r="C5" s="1" t="s">
        <v>885</v>
      </c>
      <c r="D5" s="1" t="s">
        <v>68</v>
      </c>
      <c r="E5" s="1" t="s">
        <v>28</v>
      </c>
      <c r="F5" s="1" t="s">
        <v>726</v>
      </c>
      <c r="G5" s="1" t="s">
        <v>606</v>
      </c>
      <c r="H5" s="1" t="s">
        <v>45</v>
      </c>
      <c r="I5" s="1" t="s">
        <v>157</v>
      </c>
      <c r="J5" s="1" t="s">
        <v>398</v>
      </c>
      <c r="K5" s="1" t="s">
        <v>271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645</v>
      </c>
      <c r="R5" s="1" t="s">
        <v>39</v>
      </c>
      <c r="S5" s="1" t="s">
        <v>698</v>
      </c>
      <c r="T5" s="1" t="s">
        <v>181</v>
      </c>
      <c r="U5" s="1">
        <v>10</v>
      </c>
      <c r="V5" s="1"/>
      <c r="W5" s="1"/>
      <c r="X5" s="1"/>
      <c r="Y5" s="1"/>
      <c r="Z5" s="1"/>
      <c r="AA5" s="1" t="s">
        <v>971</v>
      </c>
      <c r="AB5" s="1" t="s">
        <v>971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4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19</v>
      </c>
      <c r="B6" s="2">
        <v>0.1388888888888889</v>
      </c>
      <c r="C6" s="1" t="s">
        <v>885</v>
      </c>
      <c r="D6" s="1" t="s">
        <v>68</v>
      </c>
      <c r="E6" s="1" t="s">
        <v>28</v>
      </c>
      <c r="F6" s="1" t="s">
        <v>410</v>
      </c>
      <c r="G6" s="1" t="s">
        <v>220</v>
      </c>
      <c r="H6" s="1" t="s">
        <v>32</v>
      </c>
      <c r="I6" s="1" t="s">
        <v>258</v>
      </c>
      <c r="J6" s="1" t="s">
        <v>398</v>
      </c>
      <c r="K6" s="1" t="s">
        <v>552</v>
      </c>
      <c r="L6" s="1" t="s">
        <v>502</v>
      </c>
      <c r="N6" s="1" t="s">
        <v>35</v>
      </c>
      <c r="O6" s="1" t="s">
        <v>727</v>
      </c>
      <c r="P6" s="1" t="s">
        <v>56</v>
      </c>
      <c r="Q6" s="1" t="s">
        <v>38</v>
      </c>
      <c r="R6" s="1" t="s">
        <v>196</v>
      </c>
      <c r="S6" s="1" t="s">
        <v>466</v>
      </c>
      <c r="T6" s="1" t="s">
        <v>533</v>
      </c>
      <c r="U6" s="1">
        <v>8.8000000000000007</v>
      </c>
      <c r="V6" s="1"/>
      <c r="W6" s="1"/>
      <c r="X6" s="1"/>
      <c r="Y6" s="1"/>
      <c r="Z6" s="1"/>
      <c r="AA6" s="1" t="s">
        <v>971</v>
      </c>
      <c r="AB6" s="1" t="s">
        <v>971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25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25</v>
      </c>
      <c r="B7" s="2">
        <v>0.47222222222222227</v>
      </c>
      <c r="C7" s="1" t="s">
        <v>885</v>
      </c>
      <c r="D7" s="1" t="s">
        <v>27</v>
      </c>
      <c r="E7" s="1" t="s">
        <v>28</v>
      </c>
      <c r="F7" s="1" t="s">
        <v>712</v>
      </c>
      <c r="G7" s="1" t="s">
        <v>414</v>
      </c>
      <c r="H7" s="1" t="s">
        <v>546</v>
      </c>
      <c r="I7" s="1" t="s">
        <v>728</v>
      </c>
      <c r="J7" s="1" t="s">
        <v>398</v>
      </c>
      <c r="K7" s="1" t="s">
        <v>548</v>
      </c>
      <c r="L7" s="1" t="s">
        <v>34</v>
      </c>
      <c r="N7" s="1" t="s">
        <v>232</v>
      </c>
      <c r="O7" s="1" t="s">
        <v>74</v>
      </c>
      <c r="P7" s="1" t="s">
        <v>56</v>
      </c>
      <c r="Q7" s="1" t="s">
        <v>91</v>
      </c>
      <c r="R7" s="1" t="s">
        <v>416</v>
      </c>
      <c r="S7" s="1" t="s">
        <v>196</v>
      </c>
      <c r="T7" s="1" t="s">
        <v>126</v>
      </c>
      <c r="U7" s="1">
        <v>10.3</v>
      </c>
      <c r="V7" s="3">
        <v>3300</v>
      </c>
      <c r="W7" s="1"/>
      <c r="X7" s="1">
        <v>1.4</v>
      </c>
      <c r="Y7" s="1">
        <v>0.14000000000000001</v>
      </c>
      <c r="Z7" s="1">
        <v>1.4999999999999999E-2</v>
      </c>
      <c r="AA7" s="1" t="s">
        <v>971</v>
      </c>
      <c r="AB7" s="1" t="s">
        <v>97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938</v>
      </c>
      <c r="BC7" s="1">
        <v>1.2</v>
      </c>
      <c r="BD7" s="1">
        <v>1.2</v>
      </c>
      <c r="BE7" s="1"/>
      <c r="BF7" s="1"/>
      <c r="BG7" s="1"/>
      <c r="BH7" s="1"/>
      <c r="BI7" s="1"/>
      <c r="BJ7" s="1"/>
      <c r="BK7" s="1"/>
      <c r="BL7" s="1"/>
      <c r="BM7" s="1">
        <v>0.05</v>
      </c>
      <c r="BN7" s="1">
        <v>0.12</v>
      </c>
      <c r="BO7" s="1">
        <v>20</v>
      </c>
      <c r="BP7" s="1">
        <v>6.3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80555555555555547</v>
      </c>
      <c r="C8" s="1" t="s">
        <v>885</v>
      </c>
      <c r="D8" s="1" t="s">
        <v>27</v>
      </c>
      <c r="E8" s="1" t="s">
        <v>28</v>
      </c>
      <c r="F8" s="1" t="s">
        <v>449</v>
      </c>
      <c r="G8" s="1" t="s">
        <v>60</v>
      </c>
      <c r="H8" s="1" t="s">
        <v>729</v>
      </c>
      <c r="I8" s="1" t="s">
        <v>730</v>
      </c>
      <c r="J8" s="1" t="s">
        <v>398</v>
      </c>
      <c r="K8" s="1" t="s">
        <v>636</v>
      </c>
      <c r="L8" s="1" t="s">
        <v>325</v>
      </c>
      <c r="N8" s="1" t="s">
        <v>232</v>
      </c>
      <c r="O8" s="1" t="s">
        <v>74</v>
      </c>
      <c r="P8" s="1" t="s">
        <v>56</v>
      </c>
      <c r="Q8" s="1" t="s">
        <v>188</v>
      </c>
      <c r="R8" s="1" t="s">
        <v>47</v>
      </c>
      <c r="S8" s="1" t="s">
        <v>373</v>
      </c>
      <c r="T8" s="1" t="s">
        <v>191</v>
      </c>
      <c r="U8" s="1">
        <v>9.1</v>
      </c>
      <c r="V8" s="1"/>
      <c r="W8" s="1"/>
      <c r="X8" s="1"/>
      <c r="Y8" s="1"/>
      <c r="Z8" s="1"/>
      <c r="AA8" s="1" t="s">
        <v>971</v>
      </c>
      <c r="AB8" s="1" t="s">
        <v>971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>
        <v>18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39</v>
      </c>
      <c r="B9" s="2">
        <v>0.1388888888888889</v>
      </c>
      <c r="C9" s="1" t="s">
        <v>885</v>
      </c>
      <c r="D9" s="1" t="s">
        <v>27</v>
      </c>
      <c r="E9" s="1" t="s">
        <v>28</v>
      </c>
      <c r="F9" s="1" t="s">
        <v>94</v>
      </c>
      <c r="G9" s="1" t="s">
        <v>134</v>
      </c>
      <c r="H9" s="1" t="s">
        <v>729</v>
      </c>
      <c r="I9" s="1" t="s">
        <v>731</v>
      </c>
      <c r="J9" s="1" t="s">
        <v>398</v>
      </c>
      <c r="K9" s="1" t="s">
        <v>649</v>
      </c>
      <c r="L9" s="1" t="s">
        <v>732</v>
      </c>
      <c r="N9" s="1" t="s">
        <v>232</v>
      </c>
      <c r="O9" s="1" t="s">
        <v>74</v>
      </c>
      <c r="P9" s="1" t="s">
        <v>56</v>
      </c>
      <c r="Q9" s="1" t="s">
        <v>57</v>
      </c>
      <c r="R9" s="1" t="s">
        <v>159</v>
      </c>
      <c r="S9" s="1" t="s">
        <v>92</v>
      </c>
      <c r="T9" s="1" t="s">
        <v>110</v>
      </c>
      <c r="U9" s="1">
        <v>9.1</v>
      </c>
      <c r="V9" s="1"/>
      <c r="W9" s="1"/>
      <c r="X9" s="1"/>
      <c r="Y9" s="1"/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8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45</v>
      </c>
      <c r="B10" s="2">
        <v>0.46527777777777773</v>
      </c>
      <c r="C10" s="1" t="s">
        <v>885</v>
      </c>
      <c r="D10" s="1" t="s">
        <v>27</v>
      </c>
      <c r="E10" s="1" t="s">
        <v>887</v>
      </c>
      <c r="F10" s="1" t="s">
        <v>101</v>
      </c>
      <c r="G10" s="1" t="s">
        <v>274</v>
      </c>
      <c r="H10" s="1" t="s">
        <v>733</v>
      </c>
      <c r="I10" s="1" t="s">
        <v>734</v>
      </c>
      <c r="J10" s="1" t="s">
        <v>398</v>
      </c>
      <c r="K10" s="1" t="s">
        <v>217</v>
      </c>
      <c r="L10" s="1" t="s">
        <v>283</v>
      </c>
      <c r="N10" s="1" t="s">
        <v>35</v>
      </c>
      <c r="O10" s="1" t="s">
        <v>203</v>
      </c>
      <c r="P10" s="1" t="s">
        <v>56</v>
      </c>
      <c r="Q10" s="1" t="s">
        <v>444</v>
      </c>
      <c r="R10" s="1" t="s">
        <v>40</v>
      </c>
      <c r="S10" s="1" t="s">
        <v>735</v>
      </c>
      <c r="T10" s="1" t="s">
        <v>736</v>
      </c>
      <c r="U10" s="1">
        <v>10.3</v>
      </c>
      <c r="V10" s="3">
        <v>790</v>
      </c>
      <c r="W10" s="1"/>
      <c r="X10" s="1">
        <v>1.4</v>
      </c>
      <c r="Y10" s="1">
        <v>8.8999999999999996E-2</v>
      </c>
      <c r="Z10" s="1">
        <v>8.9999999999999993E-3</v>
      </c>
      <c r="AA10" s="1" t="s">
        <v>970</v>
      </c>
      <c r="AB10" s="1" t="s">
        <v>940</v>
      </c>
      <c r="AC10" s="1" t="s">
        <v>923</v>
      </c>
      <c r="AD10" s="1" t="s">
        <v>924</v>
      </c>
      <c r="AE10" s="1" t="s">
        <v>927</v>
      </c>
      <c r="AF10" s="1" t="s">
        <v>926</v>
      </c>
      <c r="AG10" s="1" t="s">
        <v>927</v>
      </c>
      <c r="AH10" s="1" t="s">
        <v>925</v>
      </c>
      <c r="AI10" s="1"/>
      <c r="AJ10" s="1"/>
      <c r="AK10" s="1"/>
      <c r="AL10" s="1" t="s">
        <v>930</v>
      </c>
      <c r="AM10" s="1"/>
      <c r="AN10" s="1"/>
      <c r="AO10" s="1"/>
      <c r="AP10" t="s">
        <v>930</v>
      </c>
      <c r="AQ10" s="1"/>
      <c r="AR10" s="1" t="s">
        <v>930</v>
      </c>
      <c r="AS10" s="1" t="s">
        <v>930</v>
      </c>
      <c r="AT10" s="1"/>
      <c r="AU10" s="1"/>
      <c r="AV10" s="1"/>
      <c r="AW10" s="1"/>
      <c r="AX10" s="1"/>
      <c r="AY10" s="1"/>
      <c r="AZ10" s="1">
        <v>0.05</v>
      </c>
      <c r="BA10" s="1" t="s">
        <v>926</v>
      </c>
      <c r="BB10" s="1" t="s">
        <v>938</v>
      </c>
      <c r="BC10" s="1">
        <v>0.97</v>
      </c>
      <c r="BD10" s="1">
        <v>1</v>
      </c>
      <c r="BE10" s="1"/>
      <c r="BF10" s="1" t="s">
        <v>927</v>
      </c>
      <c r="BG10" s="1" t="s">
        <v>927</v>
      </c>
      <c r="BH10" s="1">
        <v>7.0000000000000007E-2</v>
      </c>
      <c r="BI10" s="1" t="s">
        <v>924</v>
      </c>
      <c r="BJ10" s="1"/>
      <c r="BK10" s="1"/>
      <c r="BL10" s="1"/>
      <c r="BM10" s="1">
        <v>0.06</v>
      </c>
      <c r="BN10" s="1">
        <v>5.5E-2</v>
      </c>
      <c r="BO10" s="1">
        <v>20</v>
      </c>
      <c r="BP10" s="1">
        <v>6.7</v>
      </c>
      <c r="BQ10" s="1"/>
      <c r="BR10" s="1" t="s">
        <v>946</v>
      </c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9861111111111116</v>
      </c>
      <c r="C11" s="1" t="s">
        <v>885</v>
      </c>
      <c r="D11" s="1" t="s">
        <v>27</v>
      </c>
      <c r="E11" s="1" t="s">
        <v>887</v>
      </c>
      <c r="F11" s="1" t="s">
        <v>274</v>
      </c>
      <c r="G11" s="1" t="s">
        <v>274</v>
      </c>
      <c r="H11" s="1" t="s">
        <v>707</v>
      </c>
      <c r="I11" s="1" t="s">
        <v>737</v>
      </c>
      <c r="J11" s="1" t="s">
        <v>398</v>
      </c>
      <c r="K11" s="1" t="s">
        <v>217</v>
      </c>
      <c r="L11" s="1" t="s">
        <v>208</v>
      </c>
      <c r="N11" s="1" t="s">
        <v>35</v>
      </c>
      <c r="O11" s="1" t="s">
        <v>203</v>
      </c>
      <c r="P11" s="1" t="s">
        <v>56</v>
      </c>
      <c r="Q11" s="1" t="s">
        <v>99</v>
      </c>
      <c r="R11" s="1" t="s">
        <v>190</v>
      </c>
      <c r="S11" s="1" t="s">
        <v>738</v>
      </c>
      <c r="T11" s="1" t="s">
        <v>145</v>
      </c>
      <c r="U11" s="1">
        <v>8.6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0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56</v>
      </c>
      <c r="B12" s="2">
        <v>0.13194444444444445</v>
      </c>
      <c r="C12" s="1" t="s">
        <v>885</v>
      </c>
      <c r="D12" s="1" t="s">
        <v>68</v>
      </c>
      <c r="E12" s="1" t="s">
        <v>887</v>
      </c>
      <c r="F12" s="1" t="s">
        <v>739</v>
      </c>
      <c r="G12" s="1" t="s">
        <v>543</v>
      </c>
      <c r="H12" s="1" t="s">
        <v>250</v>
      </c>
      <c r="I12" s="1" t="s">
        <v>740</v>
      </c>
      <c r="J12" s="1" t="s">
        <v>398</v>
      </c>
      <c r="K12" s="1" t="s">
        <v>312</v>
      </c>
      <c r="L12" s="1" t="s">
        <v>65</v>
      </c>
      <c r="N12" s="1" t="s">
        <v>35</v>
      </c>
      <c r="O12" s="1" t="s">
        <v>203</v>
      </c>
      <c r="P12" s="1" t="s">
        <v>56</v>
      </c>
      <c r="Q12" s="1" t="s">
        <v>144</v>
      </c>
      <c r="R12" s="1" t="s">
        <v>82</v>
      </c>
      <c r="S12" s="1" t="s">
        <v>587</v>
      </c>
      <c r="T12" s="1" t="s">
        <v>191</v>
      </c>
      <c r="U12" s="1">
        <v>7.6</v>
      </c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>
        <v>18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84</v>
      </c>
      <c r="B13" s="2">
        <v>0.45833333333333331</v>
      </c>
      <c r="C13" s="1" t="s">
        <v>885</v>
      </c>
      <c r="D13" s="1" t="s">
        <v>68</v>
      </c>
      <c r="E13" s="1" t="s">
        <v>28</v>
      </c>
      <c r="F13" s="1" t="s">
        <v>510</v>
      </c>
      <c r="G13" s="1" t="s">
        <v>392</v>
      </c>
      <c r="H13" s="1" t="s">
        <v>707</v>
      </c>
      <c r="I13" s="1" t="s">
        <v>741</v>
      </c>
      <c r="J13" s="1" t="s">
        <v>398</v>
      </c>
      <c r="K13" s="1" t="s">
        <v>217</v>
      </c>
      <c r="L13" s="1" t="s">
        <v>34</v>
      </c>
      <c r="N13" s="1" t="s">
        <v>35</v>
      </c>
      <c r="O13" s="1" t="s">
        <v>74</v>
      </c>
      <c r="P13" s="1" t="s">
        <v>56</v>
      </c>
      <c r="Q13" s="1" t="s">
        <v>91</v>
      </c>
      <c r="R13" s="1" t="s">
        <v>132</v>
      </c>
      <c r="S13" s="1" t="s">
        <v>364</v>
      </c>
      <c r="T13" s="1" t="s">
        <v>126</v>
      </c>
      <c r="U13" s="1">
        <v>9.6</v>
      </c>
      <c r="V13" s="3">
        <v>1700</v>
      </c>
      <c r="W13" s="1"/>
      <c r="X13" s="1">
        <v>1.2</v>
      </c>
      <c r="Y13" s="1">
        <v>4.7E-2</v>
      </c>
      <c r="Z13" s="1">
        <v>3.0000000000000001E-3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938</v>
      </c>
      <c r="BC13" s="1">
        <v>0.74</v>
      </c>
      <c r="BD13" s="1">
        <v>0.79</v>
      </c>
      <c r="BE13" s="1"/>
      <c r="BF13" s="1"/>
      <c r="BG13" s="1"/>
      <c r="BH13" s="1"/>
      <c r="BI13" s="1"/>
      <c r="BJ13" s="1"/>
      <c r="BK13" s="1"/>
      <c r="BL13" s="1"/>
      <c r="BM13" s="1">
        <v>0.05</v>
      </c>
      <c r="BN13" s="1">
        <v>4.4999999999999998E-2</v>
      </c>
      <c r="BO13" s="1">
        <v>20</v>
      </c>
      <c r="BP13" s="1">
        <v>6.7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79166666666666663</v>
      </c>
      <c r="C14" s="1" t="s">
        <v>885</v>
      </c>
      <c r="D14" s="1" t="s">
        <v>68</v>
      </c>
      <c r="E14" s="1" t="s">
        <v>28</v>
      </c>
      <c r="F14" s="1" t="s">
        <v>251</v>
      </c>
      <c r="G14" s="1" t="s">
        <v>101</v>
      </c>
      <c r="H14" s="1" t="s">
        <v>259</v>
      </c>
      <c r="I14" s="1" t="s">
        <v>742</v>
      </c>
      <c r="J14" s="1" t="s">
        <v>398</v>
      </c>
      <c r="K14" s="1" t="s">
        <v>223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38</v>
      </c>
      <c r="R14" s="1" t="s">
        <v>48</v>
      </c>
      <c r="S14" s="1" t="s">
        <v>743</v>
      </c>
      <c r="T14" s="1" t="s">
        <v>126</v>
      </c>
      <c r="U14" s="1">
        <v>7.9</v>
      </c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2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66</v>
      </c>
      <c r="B15" s="2">
        <v>0.125</v>
      </c>
      <c r="C15" s="1" t="s">
        <v>885</v>
      </c>
      <c r="D15" s="1" t="s">
        <v>68</v>
      </c>
      <c r="E15" s="1" t="s">
        <v>28</v>
      </c>
      <c r="F15" s="1" t="s">
        <v>744</v>
      </c>
      <c r="G15" s="1" t="s">
        <v>599</v>
      </c>
      <c r="H15" s="1" t="s">
        <v>275</v>
      </c>
      <c r="I15" s="1" t="s">
        <v>722</v>
      </c>
      <c r="J15" s="1" t="s">
        <v>398</v>
      </c>
      <c r="K15" s="1" t="s">
        <v>312</v>
      </c>
      <c r="L15" s="1" t="s">
        <v>34</v>
      </c>
      <c r="N15" s="1" t="s">
        <v>35</v>
      </c>
      <c r="O15" s="1" t="s">
        <v>74</v>
      </c>
      <c r="P15" s="1" t="s">
        <v>56</v>
      </c>
      <c r="Q15" s="1" t="s">
        <v>99</v>
      </c>
      <c r="R15" s="1" t="s">
        <v>75</v>
      </c>
      <c r="S15" s="1" t="s">
        <v>143</v>
      </c>
      <c r="T15" s="1" t="s">
        <v>126</v>
      </c>
      <c r="U15" s="1">
        <v>7.8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9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272</v>
      </c>
      <c r="B16" s="2">
        <v>0.47916666666666669</v>
      </c>
      <c r="C16" s="1" t="s">
        <v>885</v>
      </c>
      <c r="D16" s="1" t="s">
        <v>27</v>
      </c>
      <c r="E16" s="1" t="s">
        <v>28</v>
      </c>
      <c r="F16" s="1" t="s">
        <v>745</v>
      </c>
      <c r="G16" s="1" t="s">
        <v>660</v>
      </c>
      <c r="H16" s="1" t="s">
        <v>63</v>
      </c>
      <c r="I16" s="1" t="s">
        <v>746</v>
      </c>
      <c r="J16" s="1" t="s">
        <v>398</v>
      </c>
      <c r="K16" s="1" t="s">
        <v>300</v>
      </c>
      <c r="L16" s="1" t="s">
        <v>34</v>
      </c>
      <c r="N16" s="1" t="s">
        <v>704</v>
      </c>
      <c r="O16" s="1" t="s">
        <v>74</v>
      </c>
      <c r="P16" s="1" t="s">
        <v>56</v>
      </c>
      <c r="Q16" s="1" t="s">
        <v>91</v>
      </c>
      <c r="R16" s="1" t="s">
        <v>132</v>
      </c>
      <c r="S16" s="1" t="s">
        <v>373</v>
      </c>
      <c r="T16" s="1" t="s">
        <v>110</v>
      </c>
      <c r="U16" s="1">
        <v>9</v>
      </c>
      <c r="V16" s="3">
        <v>4600</v>
      </c>
      <c r="W16" s="1" t="s">
        <v>929</v>
      </c>
      <c r="X16" s="1">
        <v>0.92</v>
      </c>
      <c r="Y16" s="1">
        <v>5.8000000000000003E-2</v>
      </c>
      <c r="Z16" s="1">
        <v>2E-3</v>
      </c>
      <c r="AA16" s="1" t="s">
        <v>970</v>
      </c>
      <c r="AB16" s="1" t="s">
        <v>940</v>
      </c>
      <c r="AC16" s="1" t="s">
        <v>923</v>
      </c>
      <c r="AD16" s="1" t="s">
        <v>924</v>
      </c>
      <c r="AE16" s="1" t="s">
        <v>927</v>
      </c>
      <c r="AF16" s="1" t="s">
        <v>926</v>
      </c>
      <c r="AG16" s="1" t="s">
        <v>927</v>
      </c>
      <c r="AH16" s="1" t="s">
        <v>925</v>
      </c>
      <c r="AI16" s="1"/>
      <c r="AJ16" s="1" t="s">
        <v>925</v>
      </c>
      <c r="AK16" s="1" t="s">
        <v>930</v>
      </c>
      <c r="AL16" s="1" t="s">
        <v>930</v>
      </c>
      <c r="AM16" s="1" t="s">
        <v>930</v>
      </c>
      <c r="AN16" s="1" t="s">
        <v>930</v>
      </c>
      <c r="AO16" s="1" t="s">
        <v>930</v>
      </c>
      <c r="AP16" t="s">
        <v>930</v>
      </c>
      <c r="AQ16" s="1" t="s">
        <v>930</v>
      </c>
      <c r="AR16" s="1" t="s">
        <v>930</v>
      </c>
      <c r="AS16" s="1" t="s">
        <v>930</v>
      </c>
      <c r="AT16" s="1" t="s">
        <v>939</v>
      </c>
      <c r="AU16" s="1" t="s">
        <v>925</v>
      </c>
      <c r="AV16" s="1" t="s">
        <v>923</v>
      </c>
      <c r="AW16" s="1" t="s">
        <v>923</v>
      </c>
      <c r="AX16" s="1" t="s">
        <v>930</v>
      </c>
      <c r="AY16" s="1" t="s">
        <v>937</v>
      </c>
      <c r="AZ16" s="1">
        <v>7.0000000000000007E-2</v>
      </c>
      <c r="BA16" s="1" t="s">
        <v>926</v>
      </c>
      <c r="BB16" s="1" t="s">
        <v>938</v>
      </c>
      <c r="BC16" s="1">
        <v>0.81</v>
      </c>
      <c r="BD16" s="1">
        <v>0.86</v>
      </c>
      <c r="BE16" s="1" t="s">
        <v>927</v>
      </c>
      <c r="BF16" s="1" t="s">
        <v>927</v>
      </c>
      <c r="BG16" s="1" t="s">
        <v>927</v>
      </c>
      <c r="BH16" s="1">
        <v>7.0000000000000007E-2</v>
      </c>
      <c r="BI16" s="1" t="s">
        <v>924</v>
      </c>
      <c r="BJ16" s="1" t="s">
        <v>926</v>
      </c>
      <c r="BK16" s="1" t="s">
        <v>925</v>
      </c>
      <c r="BL16" s="1" t="s">
        <v>947</v>
      </c>
      <c r="BM16" s="1" t="s">
        <v>945</v>
      </c>
      <c r="BN16" s="1">
        <v>3.6999999999999998E-2</v>
      </c>
      <c r="BO16" s="1">
        <v>19</v>
      </c>
      <c r="BP16" s="1">
        <v>6.2</v>
      </c>
      <c r="BQ16" s="1"/>
      <c r="BR16" s="1" t="s">
        <v>946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125</v>
      </c>
      <c r="C17" s="1" t="s">
        <v>885</v>
      </c>
      <c r="D17" s="1" t="s">
        <v>27</v>
      </c>
      <c r="E17" s="1" t="s">
        <v>28</v>
      </c>
      <c r="F17" s="1" t="s">
        <v>435</v>
      </c>
      <c r="G17" s="1" t="s">
        <v>747</v>
      </c>
      <c r="H17" s="1" t="s">
        <v>53</v>
      </c>
      <c r="I17" s="1" t="s">
        <v>748</v>
      </c>
      <c r="J17" s="1" t="s">
        <v>398</v>
      </c>
      <c r="K17" s="1" t="s">
        <v>242</v>
      </c>
      <c r="L17" s="1" t="s">
        <v>34</v>
      </c>
      <c r="N17" s="1" t="s">
        <v>704</v>
      </c>
      <c r="O17" s="1" t="s">
        <v>74</v>
      </c>
      <c r="P17" s="1" t="s">
        <v>56</v>
      </c>
      <c r="Q17" s="1" t="s">
        <v>99</v>
      </c>
      <c r="R17" s="1" t="s">
        <v>159</v>
      </c>
      <c r="S17" s="1" t="s">
        <v>75</v>
      </c>
      <c r="T17" s="1" t="s">
        <v>126</v>
      </c>
      <c r="U17" s="1">
        <v>7.9</v>
      </c>
      <c r="V17" s="1"/>
      <c r="W17" s="1"/>
      <c r="X17" s="1"/>
      <c r="Y17" s="1"/>
      <c r="Z17" s="1"/>
      <c r="AA17" s="1" t="s">
        <v>971</v>
      </c>
      <c r="AB17" s="1" t="s">
        <v>971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9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84</v>
      </c>
      <c r="B18" s="2">
        <v>0.14583333333333334</v>
      </c>
      <c r="C18" s="1" t="s">
        <v>885</v>
      </c>
      <c r="D18" s="1" t="s">
        <v>27</v>
      </c>
      <c r="E18" s="1" t="s">
        <v>28</v>
      </c>
      <c r="F18" s="1" t="s">
        <v>267</v>
      </c>
      <c r="G18" s="1" t="s">
        <v>749</v>
      </c>
      <c r="H18" s="1" t="s">
        <v>715</v>
      </c>
      <c r="I18" s="1" t="s">
        <v>750</v>
      </c>
      <c r="J18" s="1" t="s">
        <v>398</v>
      </c>
      <c r="K18" s="1" t="s">
        <v>242</v>
      </c>
      <c r="L18" s="1" t="s">
        <v>34</v>
      </c>
      <c r="N18" s="1" t="s">
        <v>704</v>
      </c>
      <c r="O18" s="1" t="s">
        <v>74</v>
      </c>
      <c r="P18" s="1" t="s">
        <v>56</v>
      </c>
      <c r="Q18" s="1" t="s">
        <v>57</v>
      </c>
      <c r="R18" s="1" t="s">
        <v>118</v>
      </c>
      <c r="S18" s="1" t="s">
        <v>92</v>
      </c>
      <c r="T18" s="1" t="s">
        <v>126</v>
      </c>
      <c r="U18" s="1">
        <v>7.7</v>
      </c>
      <c r="V18" s="1"/>
      <c r="W18" s="1"/>
      <c r="X18" s="1"/>
      <c r="Y18" s="1"/>
      <c r="Z18" s="1"/>
      <c r="AA18" s="1" t="s">
        <v>971</v>
      </c>
      <c r="AB18" s="1" t="s">
        <v>971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9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119</v>
      </c>
      <c r="B19" s="2">
        <v>0.46875</v>
      </c>
      <c r="C19" s="1" t="s">
        <v>885</v>
      </c>
      <c r="D19" s="1" t="s">
        <v>27</v>
      </c>
      <c r="E19" s="1" t="s">
        <v>887</v>
      </c>
      <c r="F19" s="1" t="s">
        <v>660</v>
      </c>
      <c r="G19" s="1" t="s">
        <v>77</v>
      </c>
      <c r="H19" s="1" t="s">
        <v>699</v>
      </c>
      <c r="I19" s="1" t="s">
        <v>504</v>
      </c>
      <c r="J19" s="1" t="s">
        <v>398</v>
      </c>
      <c r="K19" s="1" t="s">
        <v>229</v>
      </c>
      <c r="L19" s="1" t="s">
        <v>751</v>
      </c>
      <c r="N19" s="1" t="s">
        <v>232</v>
      </c>
      <c r="O19" s="1" t="s">
        <v>233</v>
      </c>
      <c r="P19" s="1" t="s">
        <v>56</v>
      </c>
      <c r="Q19" s="1" t="s">
        <v>99</v>
      </c>
      <c r="R19" s="1" t="s">
        <v>40</v>
      </c>
      <c r="S19" s="1" t="s">
        <v>590</v>
      </c>
      <c r="T19" s="1" t="s">
        <v>191</v>
      </c>
      <c r="U19" s="1">
        <v>9.6</v>
      </c>
      <c r="V19" s="3">
        <v>13000</v>
      </c>
      <c r="W19" s="1"/>
      <c r="X19" s="1">
        <v>1.7</v>
      </c>
      <c r="Y19" s="1">
        <v>8.1000000000000003E-2</v>
      </c>
      <c r="Z19" s="1">
        <v>0.01</v>
      </c>
      <c r="AA19" s="1" t="s">
        <v>971</v>
      </c>
      <c r="AB19" s="1" t="s">
        <v>97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938</v>
      </c>
      <c r="BC19" s="1">
        <v>1.3</v>
      </c>
      <c r="BD19" s="1">
        <v>1.3</v>
      </c>
      <c r="BE19" s="1"/>
      <c r="BF19" s="1"/>
      <c r="BG19" s="1"/>
      <c r="BH19" s="1"/>
      <c r="BI19" s="1"/>
      <c r="BJ19" s="1"/>
      <c r="BK19" s="1"/>
      <c r="BL19" s="1"/>
      <c r="BM19" s="1">
        <v>0.08</v>
      </c>
      <c r="BN19" s="1">
        <v>7.8E-2</v>
      </c>
      <c r="BO19" s="1">
        <v>23</v>
      </c>
      <c r="BP19" s="1">
        <v>13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B20" s="2">
        <v>0.80208333333333337</v>
      </c>
      <c r="C20" s="1" t="s">
        <v>885</v>
      </c>
      <c r="D20" s="1" t="s">
        <v>27</v>
      </c>
      <c r="E20" s="1" t="s">
        <v>887</v>
      </c>
      <c r="F20" s="1" t="s">
        <v>127</v>
      </c>
      <c r="G20" s="1" t="s">
        <v>77</v>
      </c>
      <c r="H20" s="1" t="s">
        <v>617</v>
      </c>
      <c r="I20" s="1" t="s">
        <v>752</v>
      </c>
      <c r="J20" s="1" t="s">
        <v>398</v>
      </c>
      <c r="K20" s="1" t="s">
        <v>294</v>
      </c>
      <c r="L20" s="1" t="s">
        <v>34</v>
      </c>
      <c r="N20" s="1" t="s">
        <v>232</v>
      </c>
      <c r="O20" s="1" t="s">
        <v>203</v>
      </c>
      <c r="P20" s="1" t="s">
        <v>56</v>
      </c>
      <c r="Q20" s="1" t="s">
        <v>99</v>
      </c>
      <c r="R20" s="1" t="s">
        <v>159</v>
      </c>
      <c r="S20" s="1" t="s">
        <v>196</v>
      </c>
      <c r="T20" s="1" t="s">
        <v>181</v>
      </c>
      <c r="U20" s="1">
        <v>8.6</v>
      </c>
      <c r="V20" s="1"/>
      <c r="W20" s="1"/>
      <c r="X20" s="1"/>
      <c r="Y20" s="1"/>
      <c r="Z20" s="1"/>
      <c r="AA20" s="1" t="s">
        <v>971</v>
      </c>
      <c r="AB20" s="1" t="s">
        <v>971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>
        <v>19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 t="s">
        <v>303</v>
      </c>
      <c r="B21" s="2">
        <v>0.13541666666666666</v>
      </c>
      <c r="C21" s="1" t="s">
        <v>885</v>
      </c>
      <c r="D21" s="1" t="s">
        <v>27</v>
      </c>
      <c r="E21" s="1" t="s">
        <v>887</v>
      </c>
      <c r="F21" s="1" t="s">
        <v>70</v>
      </c>
      <c r="G21" s="1" t="s">
        <v>433</v>
      </c>
      <c r="H21" s="1" t="s">
        <v>617</v>
      </c>
      <c r="I21" s="1" t="s">
        <v>753</v>
      </c>
      <c r="J21" s="1" t="s">
        <v>398</v>
      </c>
      <c r="K21" s="1" t="s">
        <v>237</v>
      </c>
      <c r="L21" s="1" t="s">
        <v>34</v>
      </c>
      <c r="N21" s="1" t="s">
        <v>232</v>
      </c>
      <c r="O21" s="1" t="s">
        <v>203</v>
      </c>
      <c r="P21" s="1" t="s">
        <v>56</v>
      </c>
      <c r="Q21" s="1" t="s">
        <v>57</v>
      </c>
      <c r="R21" s="1" t="s">
        <v>118</v>
      </c>
      <c r="S21" s="1" t="s">
        <v>92</v>
      </c>
      <c r="T21" s="1" t="s">
        <v>126</v>
      </c>
      <c r="U21" s="1">
        <v>9</v>
      </c>
      <c r="V21" s="1"/>
      <c r="W21" s="1"/>
      <c r="X21" s="1"/>
      <c r="Y21" s="1"/>
      <c r="Z21" s="1"/>
      <c r="AA21" s="1" t="s">
        <v>971</v>
      </c>
      <c r="AB21" s="1" t="s">
        <v>97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9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309</v>
      </c>
      <c r="B22" s="2">
        <v>0.46875</v>
      </c>
      <c r="C22" s="1" t="s">
        <v>885</v>
      </c>
      <c r="D22" s="1" t="s">
        <v>27</v>
      </c>
      <c r="E22" s="1" t="s">
        <v>28</v>
      </c>
      <c r="F22" s="1" t="s">
        <v>252</v>
      </c>
      <c r="G22" s="1" t="s">
        <v>51</v>
      </c>
      <c r="H22" s="1" t="s">
        <v>287</v>
      </c>
      <c r="I22" s="1" t="s">
        <v>292</v>
      </c>
      <c r="J22" s="1" t="s">
        <v>398</v>
      </c>
      <c r="K22" s="1" t="s">
        <v>271</v>
      </c>
      <c r="L22" s="1" t="s">
        <v>34</v>
      </c>
      <c r="N22" s="1" t="s">
        <v>35</v>
      </c>
      <c r="O22" s="1" t="s">
        <v>74</v>
      </c>
      <c r="P22" s="1" t="s">
        <v>56</v>
      </c>
      <c r="Q22" s="1" t="s">
        <v>91</v>
      </c>
      <c r="R22" s="1" t="s">
        <v>159</v>
      </c>
      <c r="S22" s="1" t="s">
        <v>40</v>
      </c>
      <c r="T22" s="1" t="s">
        <v>41</v>
      </c>
      <c r="U22" s="1">
        <v>11</v>
      </c>
      <c r="V22" s="3">
        <v>1100</v>
      </c>
      <c r="W22" s="1"/>
      <c r="X22" s="1">
        <v>2</v>
      </c>
      <c r="Y22" s="1">
        <v>0.12</v>
      </c>
      <c r="Z22" s="1">
        <v>3.0000000000000001E-3</v>
      </c>
      <c r="AA22" s="1" t="s">
        <v>970</v>
      </c>
      <c r="AB22" s="1" t="s">
        <v>984</v>
      </c>
      <c r="AC22" s="1" t="s">
        <v>923</v>
      </c>
      <c r="AD22" s="1" t="s">
        <v>924</v>
      </c>
      <c r="AE22" s="1" t="s">
        <v>927</v>
      </c>
      <c r="AF22" s="1" t="s">
        <v>926</v>
      </c>
      <c r="AG22" s="1" t="s">
        <v>927</v>
      </c>
      <c r="AH22" s="1" t="s">
        <v>925</v>
      </c>
      <c r="AI22" s="1"/>
      <c r="AJ22" s="1"/>
      <c r="AK22" s="1"/>
      <c r="AL22" s="1" t="s">
        <v>930</v>
      </c>
      <c r="AM22" s="1"/>
      <c r="AN22" s="1"/>
      <c r="AO22" s="1"/>
      <c r="AP22" t="s">
        <v>930</v>
      </c>
      <c r="AQ22" s="1"/>
      <c r="AR22" s="1" t="s">
        <v>930</v>
      </c>
      <c r="AS22" s="1" t="s">
        <v>930</v>
      </c>
      <c r="AT22" s="1"/>
      <c r="AU22" s="1"/>
      <c r="AV22" s="1"/>
      <c r="AW22" s="1"/>
      <c r="AX22" s="1"/>
      <c r="AY22" s="1"/>
      <c r="AZ22" s="1">
        <v>0.05</v>
      </c>
      <c r="BA22" s="1" t="s">
        <v>926</v>
      </c>
      <c r="BB22" s="1" t="s">
        <v>938</v>
      </c>
      <c r="BC22" s="1">
        <v>1.7</v>
      </c>
      <c r="BD22" s="1">
        <v>1.7</v>
      </c>
      <c r="BE22" s="1"/>
      <c r="BF22" s="1" t="s">
        <v>927</v>
      </c>
      <c r="BG22" s="1" t="s">
        <v>927</v>
      </c>
      <c r="BH22" s="1">
        <v>7.0000000000000007E-2</v>
      </c>
      <c r="BI22" s="1">
        <v>0.01</v>
      </c>
      <c r="BJ22" s="1"/>
      <c r="BK22" s="1"/>
      <c r="BL22" s="1"/>
      <c r="BM22" s="1">
        <v>0.09</v>
      </c>
      <c r="BN22" s="1">
        <v>8.3000000000000004E-2</v>
      </c>
      <c r="BO22" s="1">
        <v>24</v>
      </c>
      <c r="BP22" s="1">
        <v>8.6999999999999993</v>
      </c>
      <c r="BQ22" s="1"/>
      <c r="BR22" s="1" t="s">
        <v>946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0208333333333337</v>
      </c>
      <c r="C23" s="1" t="s">
        <v>885</v>
      </c>
      <c r="D23" s="1" t="s">
        <v>27</v>
      </c>
      <c r="E23" s="1" t="s">
        <v>28</v>
      </c>
      <c r="F23" s="1" t="s">
        <v>220</v>
      </c>
      <c r="G23" s="1" t="s">
        <v>78</v>
      </c>
      <c r="H23" s="1" t="s">
        <v>675</v>
      </c>
      <c r="I23" s="1" t="s">
        <v>339</v>
      </c>
      <c r="J23" s="1" t="s">
        <v>398</v>
      </c>
      <c r="K23" s="1" t="s">
        <v>271</v>
      </c>
      <c r="L23" s="1" t="s">
        <v>34</v>
      </c>
      <c r="N23" s="1" t="s">
        <v>35</v>
      </c>
      <c r="O23" s="1" t="s">
        <v>74</v>
      </c>
      <c r="P23" s="1" t="s">
        <v>56</v>
      </c>
      <c r="Q23" s="1" t="s">
        <v>91</v>
      </c>
      <c r="R23" s="1" t="s">
        <v>177</v>
      </c>
      <c r="S23" s="1" t="s">
        <v>196</v>
      </c>
      <c r="T23" s="1" t="s">
        <v>59</v>
      </c>
      <c r="U23" s="1">
        <v>9.1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23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33</v>
      </c>
      <c r="B24" s="2">
        <v>0.13541666666666666</v>
      </c>
      <c r="C24" s="1" t="s">
        <v>885</v>
      </c>
      <c r="D24" s="1" t="s">
        <v>27</v>
      </c>
      <c r="E24" s="1" t="s">
        <v>28</v>
      </c>
      <c r="F24" s="1" t="s">
        <v>167</v>
      </c>
      <c r="G24" s="1" t="s">
        <v>61</v>
      </c>
      <c r="H24" s="1" t="s">
        <v>575</v>
      </c>
      <c r="I24" s="1" t="s">
        <v>520</v>
      </c>
      <c r="J24" s="1" t="s">
        <v>398</v>
      </c>
      <c r="K24" s="1" t="s">
        <v>271</v>
      </c>
      <c r="L24" s="1" t="s">
        <v>34</v>
      </c>
      <c r="N24" s="1" t="s">
        <v>35</v>
      </c>
      <c r="O24" s="1" t="s">
        <v>74</v>
      </c>
      <c r="P24" s="1" t="s">
        <v>56</v>
      </c>
      <c r="Q24" s="1" t="s">
        <v>99</v>
      </c>
      <c r="R24" s="1" t="s">
        <v>109</v>
      </c>
      <c r="S24" s="1" t="s">
        <v>48</v>
      </c>
      <c r="T24" s="1" t="s">
        <v>59</v>
      </c>
      <c r="U24" s="1">
        <v>8.6</v>
      </c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>
        <v>25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320</v>
      </c>
      <c r="B25" s="2">
        <v>0.45833333333333331</v>
      </c>
      <c r="C25" s="1" t="s">
        <v>885</v>
      </c>
      <c r="D25" s="1" t="s">
        <v>27</v>
      </c>
      <c r="E25" s="1" t="s">
        <v>887</v>
      </c>
      <c r="F25" s="1" t="s">
        <v>606</v>
      </c>
      <c r="G25" s="1" t="s">
        <v>337</v>
      </c>
      <c r="H25" s="1" t="s">
        <v>157</v>
      </c>
      <c r="I25" s="1" t="s">
        <v>215</v>
      </c>
      <c r="J25" s="1" t="s">
        <v>398</v>
      </c>
      <c r="K25" s="1" t="s">
        <v>552</v>
      </c>
      <c r="L25" s="1" t="s">
        <v>34</v>
      </c>
      <c r="N25" s="1" t="s">
        <v>35</v>
      </c>
      <c r="O25" s="1" t="s">
        <v>74</v>
      </c>
      <c r="P25" s="1" t="s">
        <v>56</v>
      </c>
      <c r="Q25" s="1" t="s">
        <v>91</v>
      </c>
      <c r="R25" s="1" t="s">
        <v>58</v>
      </c>
      <c r="S25" s="1" t="s">
        <v>517</v>
      </c>
      <c r="T25" s="1" t="s">
        <v>110</v>
      </c>
      <c r="U25" s="1">
        <v>11.5</v>
      </c>
      <c r="V25" s="3">
        <v>3300</v>
      </c>
      <c r="W25" s="1"/>
      <c r="X25" s="1">
        <v>2.1</v>
      </c>
      <c r="Y25" s="1">
        <v>8.2000000000000003E-2</v>
      </c>
      <c r="Z25" s="1">
        <v>1.2E-2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938</v>
      </c>
      <c r="BC25" s="1">
        <v>1.8</v>
      </c>
      <c r="BD25" s="1">
        <v>1.8</v>
      </c>
      <c r="BE25" s="1"/>
      <c r="BF25" s="1"/>
      <c r="BG25" s="1"/>
      <c r="BH25" s="1"/>
      <c r="BI25" s="1"/>
      <c r="BJ25" s="1"/>
      <c r="BK25" s="1"/>
      <c r="BL25" s="1"/>
      <c r="BM25" s="1">
        <v>0.06</v>
      </c>
      <c r="BN25" s="1">
        <v>6.6000000000000003E-2</v>
      </c>
      <c r="BO25" s="1">
        <v>24</v>
      </c>
      <c r="BP25" s="1">
        <v>8.1999999999999993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79166666666666663</v>
      </c>
      <c r="C26" s="1" t="s">
        <v>885</v>
      </c>
      <c r="D26" s="1" t="s">
        <v>27</v>
      </c>
      <c r="E26" s="1" t="s">
        <v>887</v>
      </c>
      <c r="F26" s="1" t="s">
        <v>469</v>
      </c>
      <c r="G26" s="1" t="s">
        <v>220</v>
      </c>
      <c r="H26" s="1" t="s">
        <v>164</v>
      </c>
      <c r="I26" s="1" t="s">
        <v>248</v>
      </c>
      <c r="J26" s="1" t="s">
        <v>398</v>
      </c>
      <c r="K26" s="1" t="s">
        <v>552</v>
      </c>
      <c r="L26" s="1" t="s">
        <v>34</v>
      </c>
      <c r="N26" s="1" t="s">
        <v>35</v>
      </c>
      <c r="O26" s="1" t="s">
        <v>74</v>
      </c>
      <c r="P26" s="1" t="s">
        <v>56</v>
      </c>
      <c r="Q26" s="1" t="s">
        <v>188</v>
      </c>
      <c r="R26" s="1" t="s">
        <v>159</v>
      </c>
      <c r="S26" s="1" t="s">
        <v>76</v>
      </c>
      <c r="T26" s="1" t="s">
        <v>59</v>
      </c>
      <c r="U26" s="1">
        <v>9.6</v>
      </c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24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30</v>
      </c>
      <c r="B27" s="2">
        <v>0.125</v>
      </c>
      <c r="C27" s="1" t="s">
        <v>885</v>
      </c>
      <c r="D27" s="1" t="s">
        <v>27</v>
      </c>
      <c r="E27" s="1" t="s">
        <v>887</v>
      </c>
      <c r="F27" s="1" t="s">
        <v>682</v>
      </c>
      <c r="G27" s="1" t="s">
        <v>162</v>
      </c>
      <c r="H27" s="1" t="s">
        <v>164</v>
      </c>
      <c r="I27" s="1" t="s">
        <v>310</v>
      </c>
      <c r="J27" s="1" t="s">
        <v>398</v>
      </c>
      <c r="K27" s="1" t="s">
        <v>552</v>
      </c>
      <c r="L27" s="1" t="s">
        <v>34</v>
      </c>
      <c r="N27" s="1" t="s">
        <v>35</v>
      </c>
      <c r="O27" s="1" t="s">
        <v>74</v>
      </c>
      <c r="P27" s="1" t="s">
        <v>56</v>
      </c>
      <c r="Q27" s="1" t="s">
        <v>57</v>
      </c>
      <c r="R27" s="1" t="s">
        <v>159</v>
      </c>
      <c r="S27" s="1" t="s">
        <v>40</v>
      </c>
      <c r="T27" s="1" t="s">
        <v>41</v>
      </c>
      <c r="U27" s="1">
        <v>9.6999999999999993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4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61</v>
      </c>
      <c r="B28" s="2">
        <v>0.45833333333333331</v>
      </c>
      <c r="C28" s="1" t="s">
        <v>885</v>
      </c>
      <c r="D28" s="1" t="s">
        <v>27</v>
      </c>
      <c r="E28" s="1" t="s">
        <v>887</v>
      </c>
      <c r="F28" s="1" t="s">
        <v>291</v>
      </c>
      <c r="G28" s="1" t="s">
        <v>235</v>
      </c>
      <c r="H28" s="1" t="s">
        <v>258</v>
      </c>
      <c r="I28" s="1" t="s">
        <v>194</v>
      </c>
      <c r="J28" s="1" t="s">
        <v>398</v>
      </c>
      <c r="K28" s="1" t="s">
        <v>407</v>
      </c>
      <c r="L28" s="1" t="s">
        <v>34</v>
      </c>
      <c r="N28" s="1" t="s">
        <v>35</v>
      </c>
      <c r="O28" s="1" t="s">
        <v>74</v>
      </c>
      <c r="P28" s="1" t="s">
        <v>56</v>
      </c>
      <c r="Q28" s="1" t="s">
        <v>444</v>
      </c>
      <c r="R28" s="1" t="s">
        <v>83</v>
      </c>
      <c r="S28" s="1" t="s">
        <v>590</v>
      </c>
      <c r="T28" s="1" t="s">
        <v>110</v>
      </c>
      <c r="U28" s="1">
        <v>12.3</v>
      </c>
      <c r="V28" s="3">
        <v>1700</v>
      </c>
      <c r="W28" s="1"/>
      <c r="X28" s="1">
        <v>2.7</v>
      </c>
      <c r="Y28" s="1">
        <v>9.2999999999999999E-2</v>
      </c>
      <c r="Z28" s="1">
        <v>8.0000000000000002E-3</v>
      </c>
      <c r="AA28" t="s">
        <v>970</v>
      </c>
      <c r="AB28" t="s">
        <v>985</v>
      </c>
      <c r="AC28" s="1" t="s">
        <v>923</v>
      </c>
      <c r="AD28" s="1" t="s">
        <v>924</v>
      </c>
      <c r="AE28" s="1" t="s">
        <v>927</v>
      </c>
      <c r="AF28" s="1" t="s">
        <v>926</v>
      </c>
      <c r="AG28" s="1" t="s">
        <v>927</v>
      </c>
      <c r="AH28" s="1" t="s">
        <v>925</v>
      </c>
      <c r="AI28" s="1"/>
      <c r="AJ28" s="1"/>
      <c r="AK28" s="1"/>
      <c r="AL28" s="1" t="s">
        <v>930</v>
      </c>
      <c r="AM28" s="1"/>
      <c r="AN28" s="1"/>
      <c r="AO28" s="1"/>
      <c r="AP28" t="s">
        <v>930</v>
      </c>
      <c r="AQ28" s="1"/>
      <c r="AR28" s="1" t="s">
        <v>930</v>
      </c>
      <c r="AS28" s="1" t="s">
        <v>930</v>
      </c>
      <c r="AT28" s="1"/>
      <c r="AU28" s="1"/>
      <c r="AV28" s="1"/>
      <c r="AW28" s="1"/>
      <c r="AX28" s="1"/>
      <c r="AY28" s="1"/>
      <c r="AZ28" s="1" t="s">
        <v>938</v>
      </c>
      <c r="BA28" s="1">
        <v>0.02</v>
      </c>
      <c r="BB28" s="1" t="s">
        <v>938</v>
      </c>
      <c r="BC28" s="1">
        <v>1.7</v>
      </c>
      <c r="BD28" s="1">
        <v>1.7</v>
      </c>
      <c r="BF28" s="1" t="s">
        <v>927</v>
      </c>
      <c r="BG28" s="1" t="s">
        <v>927</v>
      </c>
      <c r="BH28" s="1">
        <v>0.09</v>
      </c>
      <c r="BI28" s="1">
        <v>0.02</v>
      </c>
      <c r="BJ28" s="1"/>
      <c r="BK28" s="1"/>
      <c r="BL28" s="1"/>
      <c r="BM28" s="1">
        <v>0.06</v>
      </c>
      <c r="BN28" s="1">
        <v>6.5000000000000002E-2</v>
      </c>
      <c r="BO28" s="1">
        <v>25</v>
      </c>
      <c r="BP28" s="1">
        <v>9</v>
      </c>
      <c r="BQ28" s="1"/>
      <c r="BR28" s="1" t="s">
        <v>946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79166666666666663</v>
      </c>
      <c r="C29" s="1" t="s">
        <v>885</v>
      </c>
      <c r="D29" s="1" t="s">
        <v>68</v>
      </c>
      <c r="E29" s="1" t="s">
        <v>887</v>
      </c>
      <c r="F29" s="1" t="s">
        <v>754</v>
      </c>
      <c r="G29" s="1" t="s">
        <v>337</v>
      </c>
      <c r="H29" s="1" t="s">
        <v>221</v>
      </c>
      <c r="I29" s="1" t="s">
        <v>556</v>
      </c>
      <c r="J29" s="1" t="s">
        <v>398</v>
      </c>
      <c r="K29" s="1" t="s">
        <v>407</v>
      </c>
      <c r="L29" s="1" t="s">
        <v>34</v>
      </c>
      <c r="N29" s="1" t="s">
        <v>35</v>
      </c>
      <c r="O29" s="1" t="s">
        <v>74</v>
      </c>
      <c r="P29" s="1" t="s">
        <v>56</v>
      </c>
      <c r="Q29" s="1" t="s">
        <v>99</v>
      </c>
      <c r="R29" s="1" t="s">
        <v>48</v>
      </c>
      <c r="S29" s="1" t="s">
        <v>172</v>
      </c>
      <c r="T29" s="1" t="s">
        <v>110</v>
      </c>
      <c r="U29" s="1">
        <v>9.4</v>
      </c>
      <c r="V29" s="1"/>
      <c r="W29" s="1"/>
      <c r="X29" s="1"/>
      <c r="Y29" s="1"/>
      <c r="Z29" s="1"/>
      <c r="AA29" t="s">
        <v>971</v>
      </c>
      <c r="AB29" t="s">
        <v>971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26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 t="s">
        <v>343</v>
      </c>
      <c r="B30" s="2">
        <v>0.125</v>
      </c>
      <c r="C30" s="1" t="s">
        <v>885</v>
      </c>
      <c r="D30" s="1" t="s">
        <v>68</v>
      </c>
      <c r="E30" s="1" t="s">
        <v>887</v>
      </c>
      <c r="F30" s="1" t="s">
        <v>210</v>
      </c>
      <c r="G30" s="1" t="s">
        <v>535</v>
      </c>
      <c r="H30" s="1" t="s">
        <v>310</v>
      </c>
      <c r="I30" s="1" t="s">
        <v>200</v>
      </c>
      <c r="J30" s="1" t="s">
        <v>398</v>
      </c>
      <c r="K30" s="1" t="s">
        <v>407</v>
      </c>
      <c r="L30" s="1" t="s">
        <v>34</v>
      </c>
      <c r="N30" s="1" t="s">
        <v>35</v>
      </c>
      <c r="O30" s="1" t="s">
        <v>74</v>
      </c>
      <c r="P30" s="1" t="s">
        <v>56</v>
      </c>
      <c r="Q30" s="1" t="s">
        <v>99</v>
      </c>
      <c r="R30" s="1" t="s">
        <v>132</v>
      </c>
      <c r="S30" s="1" t="s">
        <v>76</v>
      </c>
      <c r="T30" s="1" t="s">
        <v>41</v>
      </c>
      <c r="U30" s="1">
        <v>8.9</v>
      </c>
      <c r="V30" s="1"/>
      <c r="W30" s="1"/>
      <c r="X30" s="1"/>
      <c r="Y30" s="1"/>
      <c r="Z30" s="1"/>
      <c r="AA30" t="s">
        <v>971</v>
      </c>
      <c r="AB30" t="s">
        <v>971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25</v>
      </c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71</v>
      </c>
      <c r="B31" s="2">
        <v>0.45833333333333331</v>
      </c>
      <c r="C31" s="1" t="s">
        <v>885</v>
      </c>
      <c r="D31" s="1" t="s">
        <v>27</v>
      </c>
      <c r="E31" s="1" t="s">
        <v>28</v>
      </c>
      <c r="F31" s="1" t="s">
        <v>645</v>
      </c>
      <c r="G31" s="1" t="s">
        <v>38</v>
      </c>
      <c r="H31" s="1" t="s">
        <v>221</v>
      </c>
      <c r="I31" s="1" t="s">
        <v>194</v>
      </c>
      <c r="J31" s="1" t="s">
        <v>398</v>
      </c>
      <c r="K31" s="1" t="s">
        <v>407</v>
      </c>
      <c r="L31" s="1" t="s">
        <v>34</v>
      </c>
      <c r="N31" s="1" t="s">
        <v>35</v>
      </c>
      <c r="O31" s="1" t="s">
        <v>74</v>
      </c>
      <c r="P31" s="1" t="s">
        <v>56</v>
      </c>
      <c r="Q31" s="1" t="s">
        <v>38</v>
      </c>
      <c r="R31" s="1" t="s">
        <v>47</v>
      </c>
      <c r="S31" s="1" t="s">
        <v>244</v>
      </c>
      <c r="T31" s="1" t="s">
        <v>59</v>
      </c>
      <c r="U31" s="1">
        <v>12.6</v>
      </c>
      <c r="V31" s="3">
        <v>790</v>
      </c>
      <c r="W31" s="1"/>
      <c r="X31" s="1">
        <v>2.5</v>
      </c>
      <c r="Y31" s="1">
        <v>8.6999999999999994E-2</v>
      </c>
      <c r="Z31" s="1">
        <v>1.4E-2</v>
      </c>
      <c r="AA31" t="s">
        <v>971</v>
      </c>
      <c r="AB31" t="s">
        <v>971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938</v>
      </c>
      <c r="BC31" s="1">
        <v>2.1</v>
      </c>
      <c r="BD31" s="1">
        <v>2.1</v>
      </c>
      <c r="BF31" s="1"/>
      <c r="BG31" s="1"/>
      <c r="BH31" s="1"/>
      <c r="BI31" s="1"/>
      <c r="BJ31" s="1"/>
      <c r="BK31" s="1"/>
      <c r="BL31" s="1"/>
      <c r="BM31" s="1">
        <v>0.09</v>
      </c>
      <c r="BN31" s="1">
        <v>6.9000000000000006E-2</v>
      </c>
      <c r="BO31" s="1">
        <v>27</v>
      </c>
      <c r="BP31" s="1">
        <v>10</v>
      </c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B32" s="2">
        <v>0.79166666666666663</v>
      </c>
      <c r="C32" s="1" t="s">
        <v>885</v>
      </c>
      <c r="D32" s="1" t="s">
        <v>27</v>
      </c>
      <c r="E32" s="1" t="s">
        <v>28</v>
      </c>
      <c r="F32" s="1" t="s">
        <v>534</v>
      </c>
      <c r="G32" s="1" t="s">
        <v>38</v>
      </c>
      <c r="H32" s="1" t="s">
        <v>258</v>
      </c>
      <c r="I32" s="1" t="s">
        <v>618</v>
      </c>
      <c r="J32" s="1" t="s">
        <v>398</v>
      </c>
      <c r="K32" s="1" t="s">
        <v>552</v>
      </c>
      <c r="L32" s="1" t="s">
        <v>34</v>
      </c>
      <c r="N32" s="1" t="s">
        <v>35</v>
      </c>
      <c r="O32" s="1" t="s">
        <v>74</v>
      </c>
      <c r="P32" s="1" t="s">
        <v>56</v>
      </c>
      <c r="Q32" s="1" t="s">
        <v>91</v>
      </c>
      <c r="R32" s="1" t="s">
        <v>132</v>
      </c>
      <c r="S32" s="1" t="s">
        <v>373</v>
      </c>
      <c r="T32" s="1" t="s">
        <v>59</v>
      </c>
      <c r="U32" s="1">
        <v>11.8</v>
      </c>
      <c r="V32" s="1"/>
      <c r="W32" s="1"/>
      <c r="X32" s="1"/>
      <c r="Y32" s="1"/>
      <c r="Z32" s="1"/>
      <c r="AA32" t="s">
        <v>971</v>
      </c>
      <c r="AB32" t="s">
        <v>971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/>
      <c r="BC32" s="1"/>
      <c r="BD32" s="1"/>
      <c r="BF32" s="1"/>
      <c r="BG32" s="1"/>
      <c r="BH32" s="1"/>
      <c r="BI32" s="1"/>
      <c r="BJ32" s="1"/>
      <c r="BK32" s="1"/>
      <c r="BL32" s="1"/>
      <c r="BM32" s="1"/>
      <c r="BN32" s="1"/>
      <c r="BO32" s="1">
        <v>26</v>
      </c>
      <c r="BP32" s="1"/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A33" s="1" t="s">
        <v>352</v>
      </c>
      <c r="B33" s="2">
        <v>0.125</v>
      </c>
      <c r="C33" s="1" t="s">
        <v>885</v>
      </c>
      <c r="D33" s="1" t="s">
        <v>27</v>
      </c>
      <c r="E33" s="1" t="s">
        <v>28</v>
      </c>
      <c r="F33" s="1" t="s">
        <v>690</v>
      </c>
      <c r="G33" s="1" t="s">
        <v>357</v>
      </c>
      <c r="H33" s="1" t="s">
        <v>264</v>
      </c>
      <c r="I33" s="1" t="s">
        <v>537</v>
      </c>
      <c r="J33" s="1" t="s">
        <v>398</v>
      </c>
      <c r="K33" s="1" t="s">
        <v>407</v>
      </c>
      <c r="L33" s="1" t="s">
        <v>34</v>
      </c>
      <c r="N33" s="1" t="s">
        <v>35</v>
      </c>
      <c r="O33" s="1" t="s">
        <v>74</v>
      </c>
      <c r="P33" s="1" t="s">
        <v>56</v>
      </c>
      <c r="Q33" s="1" t="s">
        <v>38</v>
      </c>
      <c r="R33" s="1" t="s">
        <v>132</v>
      </c>
      <c r="S33" s="1" t="s">
        <v>92</v>
      </c>
      <c r="T33" s="1" t="s">
        <v>59</v>
      </c>
      <c r="U33" s="1">
        <v>11.4</v>
      </c>
      <c r="V33" s="1"/>
      <c r="W33" s="1"/>
      <c r="X33" s="1"/>
      <c r="Y33" s="1"/>
      <c r="Z33" s="1"/>
      <c r="AA33" t="s">
        <v>971</v>
      </c>
      <c r="AB33" t="s">
        <v>971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26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356</v>
      </c>
      <c r="B34" s="2">
        <v>0.45833333333333331</v>
      </c>
      <c r="C34" s="1" t="s">
        <v>885</v>
      </c>
      <c r="D34" s="1" t="s">
        <v>68</v>
      </c>
      <c r="E34" s="1" t="s">
        <v>28</v>
      </c>
      <c r="F34" s="1" t="s">
        <v>99</v>
      </c>
      <c r="G34" s="1" t="s">
        <v>682</v>
      </c>
      <c r="H34" s="1" t="s">
        <v>269</v>
      </c>
      <c r="I34" s="1" t="s">
        <v>403</v>
      </c>
      <c r="J34" s="1" t="s">
        <v>398</v>
      </c>
      <c r="K34" s="1" t="s">
        <v>398</v>
      </c>
      <c r="L34" s="1" t="s">
        <v>755</v>
      </c>
      <c r="N34" s="1" t="s">
        <v>35</v>
      </c>
      <c r="O34" s="1" t="s">
        <v>203</v>
      </c>
      <c r="P34" s="1" t="s">
        <v>56</v>
      </c>
      <c r="Q34" s="1" t="s">
        <v>99</v>
      </c>
      <c r="R34" s="1" t="s">
        <v>47</v>
      </c>
      <c r="S34" s="1" t="s">
        <v>373</v>
      </c>
      <c r="T34" s="1" t="s">
        <v>181</v>
      </c>
      <c r="U34" s="1">
        <v>12.1</v>
      </c>
      <c r="V34" s="3">
        <v>490</v>
      </c>
      <c r="W34" s="1" t="s">
        <v>929</v>
      </c>
      <c r="X34" s="1">
        <v>2.6</v>
      </c>
      <c r="Y34" s="1">
        <v>0.1</v>
      </c>
      <c r="Z34" s="1">
        <v>5.0000000000000001E-3</v>
      </c>
      <c r="AA34" t="s">
        <v>970</v>
      </c>
      <c r="AB34" t="s">
        <v>972</v>
      </c>
      <c r="AC34" s="1" t="s">
        <v>923</v>
      </c>
      <c r="AD34" s="1" t="s">
        <v>924</v>
      </c>
      <c r="AE34" s="1" t="s">
        <v>927</v>
      </c>
      <c r="AF34" s="1" t="s">
        <v>926</v>
      </c>
      <c r="AG34" s="1" t="s">
        <v>927</v>
      </c>
      <c r="AH34" s="1" t="s">
        <v>925</v>
      </c>
      <c r="AI34" s="1"/>
      <c r="AJ34" s="1" t="s">
        <v>925</v>
      </c>
      <c r="AK34" s="1" t="s">
        <v>930</v>
      </c>
      <c r="AL34" s="1" t="s">
        <v>930</v>
      </c>
      <c r="AM34" s="1" t="s">
        <v>930</v>
      </c>
      <c r="AN34" s="1" t="s">
        <v>930</v>
      </c>
      <c r="AO34" s="1" t="s">
        <v>930</v>
      </c>
      <c r="AP34" t="s">
        <v>930</v>
      </c>
      <c r="AQ34" s="1" t="s">
        <v>930</v>
      </c>
      <c r="AR34" s="1" t="s">
        <v>930</v>
      </c>
      <c r="AS34" s="1" t="s">
        <v>930</v>
      </c>
      <c r="AT34" s="1" t="s">
        <v>939</v>
      </c>
      <c r="AU34" s="1" t="s">
        <v>925</v>
      </c>
      <c r="AV34" s="1" t="s">
        <v>923</v>
      </c>
      <c r="AW34" s="1" t="s">
        <v>923</v>
      </c>
      <c r="AX34" s="1" t="s">
        <v>930</v>
      </c>
      <c r="AY34" s="1" t="s">
        <v>937</v>
      </c>
      <c r="AZ34" s="1">
        <v>0.05</v>
      </c>
      <c r="BA34" s="1">
        <v>0.02</v>
      </c>
      <c r="BB34" s="1" t="s">
        <v>938</v>
      </c>
      <c r="BC34" s="1">
        <v>2</v>
      </c>
      <c r="BD34" s="1">
        <v>2</v>
      </c>
      <c r="BE34" t="s">
        <v>927</v>
      </c>
      <c r="BF34" s="1" t="s">
        <v>927</v>
      </c>
      <c r="BG34" s="1" t="s">
        <v>927</v>
      </c>
      <c r="BH34" s="1">
        <v>0.1</v>
      </c>
      <c r="BI34" s="1">
        <v>0.02</v>
      </c>
      <c r="BJ34" s="1" t="s">
        <v>926</v>
      </c>
      <c r="BK34" s="1" t="s">
        <v>925</v>
      </c>
      <c r="BL34" s="1" t="s">
        <v>947</v>
      </c>
      <c r="BM34" s="1">
        <v>0.11</v>
      </c>
      <c r="BN34" s="1">
        <v>8.4000000000000005E-2</v>
      </c>
      <c r="BO34" s="1">
        <v>26</v>
      </c>
      <c r="BP34" s="1">
        <v>10</v>
      </c>
      <c r="BQ34" s="1"/>
      <c r="BR34" s="1" t="s">
        <v>946</v>
      </c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B35" s="2">
        <v>0.79166666666666663</v>
      </c>
      <c r="C35" s="1" t="s">
        <v>885</v>
      </c>
      <c r="D35" s="1" t="s">
        <v>68</v>
      </c>
      <c r="E35" s="1" t="s">
        <v>28</v>
      </c>
      <c r="F35" s="1" t="s">
        <v>501</v>
      </c>
      <c r="G35" s="1" t="s">
        <v>645</v>
      </c>
      <c r="H35" s="1" t="s">
        <v>248</v>
      </c>
      <c r="I35" s="1" t="s">
        <v>385</v>
      </c>
      <c r="J35" s="1" t="s">
        <v>398</v>
      </c>
      <c r="K35" s="1" t="s">
        <v>384</v>
      </c>
      <c r="L35" s="1" t="s">
        <v>34</v>
      </c>
      <c r="N35" s="1" t="s">
        <v>35</v>
      </c>
      <c r="O35" s="1" t="s">
        <v>203</v>
      </c>
      <c r="P35" s="1" t="s">
        <v>56</v>
      </c>
      <c r="Q35" s="1" t="s">
        <v>38</v>
      </c>
      <c r="R35" s="1" t="s">
        <v>82</v>
      </c>
      <c r="S35" s="1" t="s">
        <v>517</v>
      </c>
      <c r="T35" s="1" t="s">
        <v>110</v>
      </c>
      <c r="U35" s="1">
        <v>11.5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27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365</v>
      </c>
      <c r="B36" s="2">
        <v>0.125</v>
      </c>
      <c r="C36" s="1" t="s">
        <v>885</v>
      </c>
      <c r="D36" s="1" t="s">
        <v>68</v>
      </c>
      <c r="E36" s="1" t="s">
        <v>28</v>
      </c>
      <c r="F36" s="1" t="s">
        <v>642</v>
      </c>
      <c r="G36" s="1" t="s">
        <v>484</v>
      </c>
      <c r="H36" s="1" t="s">
        <v>542</v>
      </c>
      <c r="I36" s="1" t="s">
        <v>312</v>
      </c>
      <c r="J36" s="1" t="s">
        <v>632</v>
      </c>
      <c r="K36" s="1" t="s">
        <v>398</v>
      </c>
      <c r="L36" s="1" t="s">
        <v>319</v>
      </c>
      <c r="N36" s="1" t="s">
        <v>35</v>
      </c>
      <c r="O36" s="1" t="s">
        <v>203</v>
      </c>
      <c r="P36" s="1" t="s">
        <v>56</v>
      </c>
      <c r="Q36" s="1" t="s">
        <v>38</v>
      </c>
      <c r="R36" s="1" t="s">
        <v>132</v>
      </c>
      <c r="S36" s="1" t="s">
        <v>364</v>
      </c>
      <c r="T36" s="1" t="s">
        <v>506</v>
      </c>
      <c r="U36" s="1">
        <v>10.7</v>
      </c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>
        <v>26</v>
      </c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97</v>
      </c>
      <c r="B37" s="2">
        <v>0.45833333333333331</v>
      </c>
      <c r="C37" s="1" t="s">
        <v>885</v>
      </c>
      <c r="D37" s="1" t="s">
        <v>68</v>
      </c>
      <c r="E37" s="1" t="s">
        <v>887</v>
      </c>
      <c r="F37" s="1" t="s">
        <v>460</v>
      </c>
      <c r="G37" s="1" t="s">
        <v>616</v>
      </c>
      <c r="H37" s="1" t="s">
        <v>696</v>
      </c>
      <c r="I37" s="1" t="s">
        <v>348</v>
      </c>
      <c r="J37" s="1" t="s">
        <v>398</v>
      </c>
      <c r="K37" s="1" t="s">
        <v>407</v>
      </c>
      <c r="L37" s="1" t="s">
        <v>336</v>
      </c>
      <c r="N37" s="1" t="s">
        <v>35</v>
      </c>
      <c r="O37" s="1" t="s">
        <v>203</v>
      </c>
      <c r="P37" s="1" t="s">
        <v>56</v>
      </c>
      <c r="Q37" s="1" t="s">
        <v>57</v>
      </c>
      <c r="R37" s="1" t="s">
        <v>75</v>
      </c>
      <c r="S37" s="1" t="s">
        <v>642</v>
      </c>
      <c r="T37" s="1" t="s">
        <v>181</v>
      </c>
      <c r="U37" s="1">
        <v>11.1</v>
      </c>
      <c r="V37" s="3">
        <v>1100</v>
      </c>
      <c r="W37" s="1"/>
      <c r="X37" s="1">
        <v>1.9</v>
      </c>
      <c r="Y37" s="1">
        <v>0.1</v>
      </c>
      <c r="Z37" s="1">
        <v>1.7999999999999999E-2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 t="s">
        <v>938</v>
      </c>
      <c r="BC37" s="1">
        <v>1.5</v>
      </c>
      <c r="BD37" s="1">
        <v>1.5</v>
      </c>
      <c r="BF37" s="1"/>
      <c r="BG37" s="1"/>
      <c r="BH37" s="1"/>
      <c r="BI37" s="1"/>
      <c r="BJ37" s="1"/>
      <c r="BK37" s="1"/>
      <c r="BL37" s="1"/>
      <c r="BM37" s="1">
        <v>0.1</v>
      </c>
      <c r="BN37" s="1">
        <v>7.1999999999999995E-2</v>
      </c>
      <c r="BO37" s="1">
        <v>24</v>
      </c>
      <c r="BP37" s="1">
        <v>10</v>
      </c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79166666666666663</v>
      </c>
      <c r="C38" s="1" t="s">
        <v>885</v>
      </c>
      <c r="D38" s="1" t="s">
        <v>68</v>
      </c>
      <c r="E38" s="1" t="s">
        <v>887</v>
      </c>
      <c r="F38" s="1" t="s">
        <v>210</v>
      </c>
      <c r="G38" s="1" t="s">
        <v>162</v>
      </c>
      <c r="H38" s="1" t="s">
        <v>248</v>
      </c>
      <c r="I38" s="1" t="s">
        <v>390</v>
      </c>
      <c r="J38" s="1" t="s">
        <v>398</v>
      </c>
      <c r="K38" s="1" t="s">
        <v>407</v>
      </c>
      <c r="L38" s="1" t="s">
        <v>342</v>
      </c>
      <c r="N38" s="1" t="s">
        <v>35</v>
      </c>
      <c r="O38" s="1" t="s">
        <v>203</v>
      </c>
      <c r="P38" s="1" t="s">
        <v>56</v>
      </c>
      <c r="Q38" s="1" t="s">
        <v>38</v>
      </c>
      <c r="R38" s="1" t="s">
        <v>416</v>
      </c>
      <c r="S38" s="1" t="s">
        <v>559</v>
      </c>
      <c r="T38" s="1" t="s">
        <v>126</v>
      </c>
      <c r="U38" s="1">
        <v>10.1</v>
      </c>
      <c r="V38" s="1"/>
      <c r="W38" s="1"/>
      <c r="X38" s="1"/>
      <c r="Y38" s="1"/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25</v>
      </c>
      <c r="BP38" s="1"/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79</v>
      </c>
      <c r="B39" s="2">
        <v>0.125</v>
      </c>
      <c r="C39" s="1" t="s">
        <v>885</v>
      </c>
      <c r="D39" s="1" t="s">
        <v>153</v>
      </c>
      <c r="E39" s="1" t="s">
        <v>887</v>
      </c>
      <c r="F39" s="1" t="s">
        <v>192</v>
      </c>
      <c r="G39" s="1" t="s">
        <v>619</v>
      </c>
      <c r="H39" s="1" t="s">
        <v>230</v>
      </c>
      <c r="I39" s="1" t="s">
        <v>756</v>
      </c>
      <c r="J39" s="1" t="s">
        <v>398</v>
      </c>
      <c r="K39" s="1" t="s">
        <v>242</v>
      </c>
      <c r="L39" s="1" t="s">
        <v>106</v>
      </c>
      <c r="N39" s="1" t="s">
        <v>35</v>
      </c>
      <c r="O39" s="1" t="s">
        <v>203</v>
      </c>
      <c r="P39" s="1" t="s">
        <v>56</v>
      </c>
      <c r="Q39" s="1" t="s">
        <v>117</v>
      </c>
      <c r="R39" s="1" t="s">
        <v>204</v>
      </c>
      <c r="S39" s="1" t="s">
        <v>526</v>
      </c>
      <c r="T39" s="1" t="s">
        <v>736</v>
      </c>
      <c r="U39" s="1">
        <v>9.9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22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</sheetData>
  <phoneticPr fontId="18"/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93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13</v>
      </c>
      <c r="C1" s="1" t="s">
        <v>1</v>
      </c>
      <c r="D1" s="1" t="s">
        <v>914</v>
      </c>
      <c r="E1" s="1" t="s">
        <v>2</v>
      </c>
      <c r="F1" s="1" t="s">
        <v>876</v>
      </c>
      <c r="G1" s="1" t="s">
        <v>3</v>
      </c>
      <c r="H1" s="1" t="s">
        <v>89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0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180555555555554</v>
      </c>
      <c r="C4" s="1" t="s">
        <v>885</v>
      </c>
      <c r="D4" s="1" t="s">
        <v>68</v>
      </c>
      <c r="E4" s="1" t="s">
        <v>28</v>
      </c>
      <c r="F4" s="1" t="s">
        <v>209</v>
      </c>
      <c r="G4" s="1" t="s">
        <v>382</v>
      </c>
      <c r="H4" s="1" t="s">
        <v>650</v>
      </c>
      <c r="I4" s="1" t="s">
        <v>630</v>
      </c>
      <c r="J4" s="1" t="s">
        <v>212</v>
      </c>
      <c r="K4" s="1" t="s">
        <v>142</v>
      </c>
      <c r="L4" s="1" t="s">
        <v>202</v>
      </c>
      <c r="N4" s="1" t="s">
        <v>35</v>
      </c>
      <c r="O4" s="1" t="s">
        <v>203</v>
      </c>
      <c r="P4" s="1" t="s">
        <v>757</v>
      </c>
      <c r="Q4" s="1" t="s">
        <v>99</v>
      </c>
      <c r="R4" s="1" t="s">
        <v>137</v>
      </c>
      <c r="S4" s="1" t="s">
        <v>501</v>
      </c>
      <c r="T4" s="1" t="s">
        <v>736</v>
      </c>
      <c r="U4" s="1">
        <v>9</v>
      </c>
      <c r="V4" s="3">
        <v>1300</v>
      </c>
      <c r="W4" s="1"/>
      <c r="X4" s="1">
        <v>2.5</v>
      </c>
      <c r="Y4" s="1">
        <v>0.19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1</v>
      </c>
      <c r="BC4" s="1">
        <v>1.7</v>
      </c>
      <c r="BD4" s="1">
        <v>1.8</v>
      </c>
      <c r="BE4" s="1"/>
      <c r="BF4" s="1"/>
      <c r="BG4" s="1"/>
      <c r="BH4" s="1"/>
      <c r="BI4" s="1"/>
      <c r="BJ4" s="1"/>
      <c r="BK4" s="1"/>
      <c r="BL4" s="1"/>
      <c r="BM4" s="1">
        <v>0.56000000000000005</v>
      </c>
      <c r="BN4" s="1">
        <v>8.3000000000000004E-2</v>
      </c>
      <c r="BO4" s="1">
        <v>34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6041666666666663</v>
      </c>
      <c r="C5" s="1" t="s">
        <v>885</v>
      </c>
      <c r="D5" s="1" t="s">
        <v>68</v>
      </c>
      <c r="E5" s="1" t="s">
        <v>28</v>
      </c>
      <c r="F5" s="1" t="s">
        <v>462</v>
      </c>
      <c r="G5" s="1" t="s">
        <v>519</v>
      </c>
      <c r="H5" s="1" t="s">
        <v>629</v>
      </c>
      <c r="I5" s="1" t="s">
        <v>628</v>
      </c>
      <c r="J5" s="1" t="s">
        <v>552</v>
      </c>
      <c r="K5" s="1" t="s">
        <v>194</v>
      </c>
      <c r="L5" s="1" t="s">
        <v>758</v>
      </c>
      <c r="N5" s="1" t="s">
        <v>35</v>
      </c>
      <c r="O5" s="1" t="s">
        <v>203</v>
      </c>
      <c r="P5" s="1" t="s">
        <v>56</v>
      </c>
      <c r="Q5" s="1" t="s">
        <v>38</v>
      </c>
      <c r="R5" s="1" t="s">
        <v>172</v>
      </c>
      <c r="S5" s="1" t="s">
        <v>759</v>
      </c>
      <c r="U5" s="1">
        <v>9.5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4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86</v>
      </c>
      <c r="B6" s="2">
        <v>0.43124999999999997</v>
      </c>
      <c r="C6" s="1" t="s">
        <v>885</v>
      </c>
      <c r="D6" s="1" t="s">
        <v>387</v>
      </c>
      <c r="E6" s="1" t="s">
        <v>28</v>
      </c>
      <c r="F6" s="1" t="s">
        <v>508</v>
      </c>
      <c r="G6" s="1" t="s">
        <v>304</v>
      </c>
      <c r="H6" s="1" t="s">
        <v>636</v>
      </c>
      <c r="I6" s="1" t="s">
        <v>705</v>
      </c>
      <c r="J6" s="1" t="s">
        <v>254</v>
      </c>
      <c r="K6" s="1" t="s">
        <v>221</v>
      </c>
      <c r="L6" s="1" t="s">
        <v>760</v>
      </c>
      <c r="N6" s="1" t="s">
        <v>35</v>
      </c>
      <c r="O6" s="1" t="s">
        <v>203</v>
      </c>
      <c r="P6" s="1" t="s">
        <v>757</v>
      </c>
      <c r="Q6" s="1" t="s">
        <v>38</v>
      </c>
      <c r="R6" s="1" t="s">
        <v>47</v>
      </c>
      <c r="S6" s="1" t="s">
        <v>373</v>
      </c>
      <c r="U6" s="1">
        <v>10.5</v>
      </c>
      <c r="V6" s="1"/>
      <c r="W6" s="1"/>
      <c r="X6" s="1">
        <v>1.3</v>
      </c>
      <c r="Y6" s="1">
        <v>6.2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1</v>
      </c>
      <c r="BC6" s="1">
        <v>1.1000000000000001</v>
      </c>
      <c r="BD6" s="1">
        <v>1.1000000000000001</v>
      </c>
      <c r="BE6" s="1"/>
      <c r="BF6" s="1"/>
      <c r="BG6" s="1"/>
      <c r="BH6" s="1"/>
      <c r="BI6" s="1"/>
      <c r="BJ6" s="1"/>
      <c r="BK6" s="1"/>
      <c r="BL6" s="1"/>
      <c r="BM6" s="1">
        <v>0.05</v>
      </c>
      <c r="BN6" s="1">
        <v>0.03</v>
      </c>
      <c r="BO6" s="1">
        <v>16</v>
      </c>
      <c r="BP6" s="1">
        <v>5.0999999999999996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0972222222222223</v>
      </c>
      <c r="C7" s="1" t="s">
        <v>885</v>
      </c>
      <c r="D7" s="1" t="s">
        <v>387</v>
      </c>
      <c r="E7" s="1" t="s">
        <v>28</v>
      </c>
      <c r="F7" s="1" t="s">
        <v>761</v>
      </c>
      <c r="G7" s="1" t="s">
        <v>762</v>
      </c>
      <c r="H7" s="1" t="s">
        <v>548</v>
      </c>
      <c r="I7" s="1" t="s">
        <v>763</v>
      </c>
      <c r="J7" s="1" t="s">
        <v>223</v>
      </c>
      <c r="K7" s="1" t="s">
        <v>164</v>
      </c>
      <c r="L7" s="1" t="s">
        <v>498</v>
      </c>
      <c r="N7" s="1" t="s">
        <v>35</v>
      </c>
      <c r="O7" s="1" t="s">
        <v>203</v>
      </c>
      <c r="P7" s="1" t="s">
        <v>757</v>
      </c>
      <c r="Q7" s="1" t="s">
        <v>444</v>
      </c>
      <c r="R7" s="1" t="s">
        <v>58</v>
      </c>
      <c r="S7" s="1" t="s">
        <v>497</v>
      </c>
      <c r="U7" s="1">
        <v>9.3000000000000007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5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391</v>
      </c>
      <c r="B8" s="2">
        <v>0.4236111111111111</v>
      </c>
      <c r="C8" s="1" t="s">
        <v>885</v>
      </c>
      <c r="D8" s="1" t="s">
        <v>27</v>
      </c>
      <c r="E8" s="1" t="s">
        <v>28</v>
      </c>
      <c r="F8" s="1" t="s">
        <v>764</v>
      </c>
      <c r="G8" s="1" t="s">
        <v>436</v>
      </c>
      <c r="H8" s="1" t="s">
        <v>542</v>
      </c>
      <c r="I8" s="1" t="s">
        <v>765</v>
      </c>
      <c r="J8" s="1" t="s">
        <v>242</v>
      </c>
      <c r="K8" s="1" t="s">
        <v>292</v>
      </c>
      <c r="L8" s="1" t="s">
        <v>319</v>
      </c>
      <c r="N8" s="1" t="s">
        <v>35</v>
      </c>
      <c r="O8" s="1" t="s">
        <v>766</v>
      </c>
      <c r="P8" s="1" t="s">
        <v>757</v>
      </c>
      <c r="Q8" s="1" t="s">
        <v>99</v>
      </c>
      <c r="R8" s="1" t="s">
        <v>189</v>
      </c>
      <c r="S8" s="1" t="s">
        <v>642</v>
      </c>
      <c r="T8" s="1" t="s">
        <v>533</v>
      </c>
      <c r="U8" s="1">
        <v>9.1999999999999993</v>
      </c>
      <c r="V8" s="3">
        <v>33000</v>
      </c>
      <c r="W8" s="1"/>
      <c r="X8" s="1">
        <v>1</v>
      </c>
      <c r="Y8" s="1">
        <v>9.6000000000000002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77</v>
      </c>
      <c r="BD8" s="1">
        <v>0.82</v>
      </c>
      <c r="BE8" s="1"/>
      <c r="BF8" s="1"/>
      <c r="BG8" s="1"/>
      <c r="BH8" s="1"/>
      <c r="BI8" s="1"/>
      <c r="BJ8" s="1"/>
      <c r="BK8" s="1"/>
      <c r="BL8" s="1"/>
      <c r="BM8" s="1">
        <v>0.06</v>
      </c>
      <c r="BN8" s="1">
        <v>3.5999999999999997E-2</v>
      </c>
      <c r="BO8" s="1">
        <v>15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9027777777777775</v>
      </c>
      <c r="C9" s="1" t="s">
        <v>885</v>
      </c>
      <c r="D9" s="1" t="s">
        <v>27</v>
      </c>
      <c r="E9" s="1" t="s">
        <v>28</v>
      </c>
      <c r="F9" s="1" t="s">
        <v>102</v>
      </c>
      <c r="G9" s="1" t="s">
        <v>388</v>
      </c>
      <c r="H9" s="1" t="s">
        <v>408</v>
      </c>
      <c r="I9" s="1" t="s">
        <v>767</v>
      </c>
      <c r="J9" s="1" t="s">
        <v>223</v>
      </c>
      <c r="K9" s="1" t="s">
        <v>32</v>
      </c>
      <c r="L9" s="1" t="s">
        <v>176</v>
      </c>
      <c r="N9" s="1" t="s">
        <v>35</v>
      </c>
      <c r="O9" s="1" t="s">
        <v>203</v>
      </c>
      <c r="P9" s="1" t="s">
        <v>56</v>
      </c>
      <c r="Q9" s="1" t="s">
        <v>117</v>
      </c>
      <c r="R9" s="1" t="s">
        <v>47</v>
      </c>
      <c r="S9" s="1" t="s">
        <v>172</v>
      </c>
      <c r="U9" s="1">
        <v>8.3000000000000007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5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41944444444444445</v>
      </c>
      <c r="C10" s="1" t="s">
        <v>885</v>
      </c>
      <c r="D10" s="1" t="s">
        <v>68</v>
      </c>
      <c r="E10" s="1" t="s">
        <v>28</v>
      </c>
      <c r="F10" s="1" t="s">
        <v>768</v>
      </c>
      <c r="G10" s="1" t="s">
        <v>749</v>
      </c>
      <c r="H10" s="1" t="s">
        <v>200</v>
      </c>
      <c r="I10" s="1" t="s">
        <v>769</v>
      </c>
      <c r="J10" s="1" t="s">
        <v>312</v>
      </c>
      <c r="K10" s="1" t="s">
        <v>339</v>
      </c>
      <c r="L10" s="1" t="s">
        <v>770</v>
      </c>
      <c r="N10" s="1" t="s">
        <v>35</v>
      </c>
      <c r="O10" s="1" t="s">
        <v>766</v>
      </c>
      <c r="P10" s="1" t="s">
        <v>757</v>
      </c>
      <c r="Q10" s="1" t="s">
        <v>57</v>
      </c>
      <c r="R10" s="1" t="s">
        <v>82</v>
      </c>
      <c r="S10" s="1" t="s">
        <v>419</v>
      </c>
      <c r="U10" s="1">
        <v>9.1</v>
      </c>
      <c r="V10" s="1"/>
      <c r="W10" s="1"/>
      <c r="X10" s="1">
        <v>0.74</v>
      </c>
      <c r="Y10" s="1">
        <v>8.5000000000000006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925</v>
      </c>
      <c r="AV10" s="1" t="s">
        <v>923</v>
      </c>
      <c r="AW10" s="1" t="s">
        <v>923</v>
      </c>
      <c r="AX10" s="1"/>
      <c r="AY10" s="1"/>
      <c r="AZ10" s="1"/>
      <c r="BA10" s="1"/>
      <c r="BB10" s="1">
        <v>0.01</v>
      </c>
      <c r="BC10" s="1">
        <v>0.54</v>
      </c>
      <c r="BD10" s="1">
        <v>0.59</v>
      </c>
      <c r="BE10" s="1"/>
      <c r="BF10" s="1"/>
      <c r="BG10" s="1"/>
      <c r="BH10" s="1"/>
      <c r="BI10" s="1"/>
      <c r="BJ10" s="1"/>
      <c r="BK10" s="1" t="s">
        <v>925</v>
      </c>
      <c r="BL10" s="1"/>
      <c r="BM10" s="1">
        <v>0.05</v>
      </c>
      <c r="BN10" s="1">
        <v>3.2000000000000001E-2</v>
      </c>
      <c r="BO10" s="1">
        <v>16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5694444444444453</v>
      </c>
      <c r="C11" s="1" t="s">
        <v>885</v>
      </c>
      <c r="D11" s="1" t="s">
        <v>27</v>
      </c>
      <c r="E11" s="1" t="s">
        <v>28</v>
      </c>
      <c r="F11" s="1" t="s">
        <v>285</v>
      </c>
      <c r="G11" s="1" t="s">
        <v>392</v>
      </c>
      <c r="H11" s="1" t="s">
        <v>537</v>
      </c>
      <c r="I11" s="1" t="s">
        <v>771</v>
      </c>
      <c r="J11" s="1" t="s">
        <v>223</v>
      </c>
      <c r="K11" s="1" t="s">
        <v>32</v>
      </c>
      <c r="L11" s="1" t="s">
        <v>772</v>
      </c>
      <c r="N11" s="1" t="s">
        <v>35</v>
      </c>
      <c r="O11" s="1" t="s">
        <v>203</v>
      </c>
      <c r="P11" s="1" t="s">
        <v>757</v>
      </c>
      <c r="Q11" s="1" t="s">
        <v>57</v>
      </c>
      <c r="R11" s="1" t="s">
        <v>196</v>
      </c>
      <c r="S11" s="1" t="s">
        <v>479</v>
      </c>
      <c r="U11" s="1">
        <v>8.5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6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00</v>
      </c>
      <c r="B12" s="2">
        <v>0.41319444444444442</v>
      </c>
      <c r="C12" s="1" t="s">
        <v>885</v>
      </c>
      <c r="D12" s="1" t="s">
        <v>27</v>
      </c>
      <c r="E12" s="1" t="s">
        <v>28</v>
      </c>
      <c r="F12" s="1" t="s">
        <v>664</v>
      </c>
      <c r="G12" s="1" t="s">
        <v>744</v>
      </c>
      <c r="H12" s="1" t="s">
        <v>399</v>
      </c>
      <c r="I12" s="1" t="s">
        <v>773</v>
      </c>
      <c r="J12" s="1" t="s">
        <v>217</v>
      </c>
      <c r="K12" s="1" t="s">
        <v>572</v>
      </c>
      <c r="L12" s="1" t="s">
        <v>98</v>
      </c>
      <c r="N12" s="1" t="s">
        <v>35</v>
      </c>
      <c r="O12" s="1" t="s">
        <v>203</v>
      </c>
      <c r="P12" s="1" t="s">
        <v>56</v>
      </c>
      <c r="Q12" s="1" t="s">
        <v>57</v>
      </c>
      <c r="R12" s="1" t="s">
        <v>132</v>
      </c>
      <c r="S12" s="1" t="s">
        <v>698</v>
      </c>
      <c r="T12" s="1" t="s">
        <v>506</v>
      </c>
      <c r="U12" s="1">
        <v>8.9</v>
      </c>
      <c r="V12" s="3">
        <v>24000</v>
      </c>
      <c r="W12" s="1" t="s">
        <v>929</v>
      </c>
      <c r="X12" s="1">
        <v>1.2</v>
      </c>
      <c r="Y12" s="1">
        <v>6.4000000000000001E-2</v>
      </c>
      <c r="Z12" s="1">
        <v>6.1000000000000004E-3</v>
      </c>
      <c r="AA12" s="1" t="s">
        <v>970</v>
      </c>
      <c r="AB12" s="1" t="s">
        <v>987</v>
      </c>
      <c r="AC12" s="1" t="s">
        <v>923</v>
      </c>
      <c r="AD12" s="1" t="s">
        <v>924</v>
      </c>
      <c r="AE12" s="1" t="s">
        <v>925</v>
      </c>
      <c r="AF12" s="1" t="s">
        <v>926</v>
      </c>
      <c r="AG12" s="1" t="s">
        <v>925</v>
      </c>
      <c r="AH12" s="1" t="s">
        <v>925</v>
      </c>
      <c r="AI12" s="1"/>
      <c r="AJ12" s="1" t="s">
        <v>925</v>
      </c>
      <c r="AK12" s="1" t="s">
        <v>930</v>
      </c>
      <c r="AL12" s="1" t="s">
        <v>930</v>
      </c>
      <c r="AM12" s="1" t="s">
        <v>930</v>
      </c>
      <c r="AN12" s="1" t="s">
        <v>930</v>
      </c>
      <c r="AO12" s="1" t="s">
        <v>930</v>
      </c>
      <c r="AP12" t="s">
        <v>930</v>
      </c>
      <c r="AQ12" s="1" t="s">
        <v>930</v>
      </c>
      <c r="AR12" s="1" t="s">
        <v>930</v>
      </c>
      <c r="AS12" s="1" t="s">
        <v>930</v>
      </c>
      <c r="AT12" s="1" t="s">
        <v>939</v>
      </c>
      <c r="AU12" s="1"/>
      <c r="AV12" s="1"/>
      <c r="AW12" s="1"/>
      <c r="AX12" s="1" t="s">
        <v>930</v>
      </c>
      <c r="AY12" s="1" t="s">
        <v>925</v>
      </c>
      <c r="AZ12" s="1">
        <v>0.09</v>
      </c>
      <c r="BA12" s="1">
        <v>1.4E-2</v>
      </c>
      <c r="BB12" s="1" t="s">
        <v>924</v>
      </c>
      <c r="BC12" s="1">
        <v>0.77</v>
      </c>
      <c r="BD12" s="1">
        <v>0.82</v>
      </c>
      <c r="BE12" s="1" t="s">
        <v>927</v>
      </c>
      <c r="BF12" s="1"/>
      <c r="BG12" s="1"/>
      <c r="BH12" s="1"/>
      <c r="BI12" s="1"/>
      <c r="BJ12" s="1"/>
      <c r="BK12" s="1"/>
      <c r="BL12" s="1"/>
      <c r="BM12" s="1">
        <v>0.05</v>
      </c>
      <c r="BN12" s="1">
        <v>2.8000000000000001E-2</v>
      </c>
      <c r="BO12" s="1">
        <v>17</v>
      </c>
      <c r="BP12" s="1">
        <v>8.1999999999999993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5069444444444444</v>
      </c>
      <c r="C13" s="1" t="s">
        <v>885</v>
      </c>
      <c r="D13" s="1" t="s">
        <v>27</v>
      </c>
      <c r="E13" s="1" t="s">
        <v>28</v>
      </c>
      <c r="F13" s="1" t="s">
        <v>774</v>
      </c>
      <c r="G13" s="1" t="s">
        <v>252</v>
      </c>
      <c r="H13" s="1" t="s">
        <v>542</v>
      </c>
      <c r="I13" s="1" t="s">
        <v>709</v>
      </c>
      <c r="J13" s="1" t="s">
        <v>217</v>
      </c>
      <c r="K13" s="1" t="s">
        <v>572</v>
      </c>
      <c r="L13" s="1" t="s">
        <v>760</v>
      </c>
      <c r="N13" s="1" t="s">
        <v>35</v>
      </c>
      <c r="O13" s="1" t="s">
        <v>203</v>
      </c>
      <c r="P13" s="1" t="s">
        <v>56</v>
      </c>
      <c r="Q13" s="1" t="s">
        <v>108</v>
      </c>
      <c r="R13" s="1" t="s">
        <v>47</v>
      </c>
      <c r="S13" s="1" t="s">
        <v>517</v>
      </c>
      <c r="U13" s="1">
        <v>8.6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5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9</v>
      </c>
      <c r="B14" s="2">
        <v>0.40972222222222227</v>
      </c>
      <c r="C14" s="1" t="s">
        <v>885</v>
      </c>
      <c r="D14" s="1" t="s">
        <v>68</v>
      </c>
      <c r="E14" s="1" t="s">
        <v>28</v>
      </c>
      <c r="F14" s="1" t="s">
        <v>251</v>
      </c>
      <c r="G14" s="1" t="s">
        <v>268</v>
      </c>
      <c r="H14" s="1" t="s">
        <v>408</v>
      </c>
      <c r="I14" s="1" t="s">
        <v>775</v>
      </c>
      <c r="J14" s="1" t="s">
        <v>312</v>
      </c>
      <c r="K14" s="1" t="s">
        <v>287</v>
      </c>
      <c r="L14" s="1" t="s">
        <v>776</v>
      </c>
      <c r="N14" s="1" t="s">
        <v>35</v>
      </c>
      <c r="O14" s="1" t="s">
        <v>203</v>
      </c>
      <c r="P14" s="1" t="s">
        <v>56</v>
      </c>
      <c r="Q14" s="1" t="s">
        <v>57</v>
      </c>
      <c r="R14" s="1" t="s">
        <v>47</v>
      </c>
      <c r="S14" s="1" t="s">
        <v>143</v>
      </c>
      <c r="U14" s="1">
        <v>9.1</v>
      </c>
      <c r="V14" s="1"/>
      <c r="W14" s="1"/>
      <c r="X14" s="1">
        <v>1.4</v>
      </c>
      <c r="Y14" s="1">
        <v>7.0000000000000007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1.1000000000000001</v>
      </c>
      <c r="BD14" s="1">
        <v>1.1000000000000001</v>
      </c>
      <c r="BE14" s="1"/>
      <c r="BF14" s="1"/>
      <c r="BG14" s="1"/>
      <c r="BH14" s="1"/>
      <c r="BI14" s="1"/>
      <c r="BJ14" s="1"/>
      <c r="BK14" s="1"/>
      <c r="BL14" s="1"/>
      <c r="BM14" s="1">
        <v>0.05</v>
      </c>
      <c r="BN14" s="1">
        <v>0.03</v>
      </c>
      <c r="BO14" s="1">
        <v>16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9375000000000007</v>
      </c>
      <c r="C15" s="1" t="s">
        <v>885</v>
      </c>
      <c r="D15" s="1" t="s">
        <v>27</v>
      </c>
      <c r="E15" s="1" t="s">
        <v>28</v>
      </c>
      <c r="F15" s="1" t="s">
        <v>120</v>
      </c>
      <c r="G15" s="1" t="s">
        <v>452</v>
      </c>
      <c r="H15" s="1" t="s">
        <v>548</v>
      </c>
      <c r="I15" s="1" t="s">
        <v>777</v>
      </c>
      <c r="J15" s="1" t="s">
        <v>217</v>
      </c>
      <c r="K15" s="1" t="s">
        <v>298</v>
      </c>
      <c r="L15" s="1" t="s">
        <v>378</v>
      </c>
      <c r="N15" s="1" t="s">
        <v>35</v>
      </c>
      <c r="O15" s="1" t="s">
        <v>203</v>
      </c>
      <c r="P15" s="1" t="s">
        <v>56</v>
      </c>
      <c r="Q15" s="1" t="s">
        <v>57</v>
      </c>
      <c r="R15" s="1" t="s">
        <v>159</v>
      </c>
      <c r="S15" s="1" t="s">
        <v>204</v>
      </c>
      <c r="U15" s="1">
        <v>8.4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7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409</v>
      </c>
      <c r="B16" s="2">
        <v>0.40416666666666662</v>
      </c>
      <c r="C16" s="1" t="s">
        <v>885</v>
      </c>
      <c r="D16" s="1" t="s">
        <v>68</v>
      </c>
      <c r="E16" s="1" t="s">
        <v>28</v>
      </c>
      <c r="F16" s="1" t="s">
        <v>327</v>
      </c>
      <c r="G16" s="1" t="s">
        <v>566</v>
      </c>
      <c r="H16" s="1" t="s">
        <v>630</v>
      </c>
      <c r="I16" s="1" t="s">
        <v>223</v>
      </c>
      <c r="J16" s="1" t="s">
        <v>552</v>
      </c>
      <c r="K16" s="1" t="s">
        <v>539</v>
      </c>
      <c r="L16" s="1" t="s">
        <v>770</v>
      </c>
      <c r="N16" s="1" t="s">
        <v>35</v>
      </c>
      <c r="O16" s="1" t="s">
        <v>203</v>
      </c>
      <c r="P16" s="1" t="s">
        <v>56</v>
      </c>
      <c r="Q16" s="1" t="s">
        <v>57</v>
      </c>
      <c r="R16" s="1" t="s">
        <v>373</v>
      </c>
      <c r="S16" s="1" t="s">
        <v>534</v>
      </c>
      <c r="T16" s="1" t="s">
        <v>506</v>
      </c>
      <c r="U16" s="1">
        <v>9.3000000000000007</v>
      </c>
      <c r="V16" s="3">
        <v>4900</v>
      </c>
      <c r="W16" s="1"/>
      <c r="X16" s="1">
        <v>3.1</v>
      </c>
      <c r="Y16" s="1">
        <v>0.24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12</v>
      </c>
      <c r="BC16" s="1">
        <v>2.2999999999999998</v>
      </c>
      <c r="BD16" s="1">
        <v>2.4</v>
      </c>
      <c r="BE16" s="1"/>
      <c r="BF16" s="1" t="s">
        <v>927</v>
      </c>
      <c r="BG16" s="1">
        <v>2.5000000000000001E-3</v>
      </c>
      <c r="BH16" s="1">
        <v>0.3</v>
      </c>
      <c r="BI16" s="1">
        <v>0.13</v>
      </c>
      <c r="BJ16" s="1" t="s">
        <v>927</v>
      </c>
      <c r="BK16" s="1"/>
      <c r="BL16" s="1" t="s">
        <v>931</v>
      </c>
      <c r="BM16" s="1">
        <v>0.43</v>
      </c>
      <c r="BN16" s="1">
        <v>0.21</v>
      </c>
      <c r="BO16" s="1">
        <v>34</v>
      </c>
      <c r="BP16" s="1"/>
      <c r="BQ16" s="1"/>
      <c r="BR16" s="1" t="s">
        <v>946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7083333333333337</v>
      </c>
      <c r="C17" s="1" t="s">
        <v>885</v>
      </c>
      <c r="D17" s="1" t="s">
        <v>68</v>
      </c>
      <c r="E17" s="1" t="s">
        <v>28</v>
      </c>
      <c r="F17" s="1" t="s">
        <v>140</v>
      </c>
      <c r="G17" s="1" t="s">
        <v>578</v>
      </c>
      <c r="H17" s="1" t="s">
        <v>628</v>
      </c>
      <c r="I17" s="1" t="s">
        <v>217</v>
      </c>
      <c r="J17" s="1" t="s">
        <v>271</v>
      </c>
      <c r="K17" s="1" t="s">
        <v>314</v>
      </c>
      <c r="L17" s="1" t="s">
        <v>319</v>
      </c>
      <c r="N17" s="1" t="s">
        <v>35</v>
      </c>
      <c r="O17" s="1" t="s">
        <v>203</v>
      </c>
      <c r="P17" s="1" t="s">
        <v>757</v>
      </c>
      <c r="Q17" s="1" t="s">
        <v>144</v>
      </c>
      <c r="R17" s="1" t="s">
        <v>160</v>
      </c>
      <c r="S17" s="1" t="s">
        <v>172</v>
      </c>
      <c r="U17" s="1">
        <v>9.3000000000000007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3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413</v>
      </c>
      <c r="B18" s="2">
        <v>0.39444444444444443</v>
      </c>
      <c r="C18" s="1" t="s">
        <v>885</v>
      </c>
      <c r="D18" s="1" t="s">
        <v>68</v>
      </c>
      <c r="E18" s="1" t="s">
        <v>886</v>
      </c>
      <c r="F18" s="1" t="s">
        <v>631</v>
      </c>
      <c r="G18" s="1" t="s">
        <v>428</v>
      </c>
      <c r="H18" s="1" t="s">
        <v>630</v>
      </c>
      <c r="I18" s="1" t="s">
        <v>312</v>
      </c>
      <c r="J18" s="1" t="s">
        <v>271</v>
      </c>
      <c r="K18" s="1" t="s">
        <v>493</v>
      </c>
      <c r="L18" s="1" t="s">
        <v>151</v>
      </c>
      <c r="N18" s="1" t="s">
        <v>35</v>
      </c>
      <c r="O18" s="1" t="s">
        <v>203</v>
      </c>
      <c r="P18" s="1" t="s">
        <v>757</v>
      </c>
      <c r="Q18" s="1" t="s">
        <v>117</v>
      </c>
      <c r="R18" s="1" t="s">
        <v>517</v>
      </c>
      <c r="S18" s="1" t="s">
        <v>526</v>
      </c>
      <c r="U18" s="1">
        <v>7.8</v>
      </c>
      <c r="V18" s="1"/>
      <c r="W18" s="1"/>
      <c r="X18" s="1">
        <v>1.9</v>
      </c>
      <c r="Y18" s="1">
        <v>0.19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14000000000000001</v>
      </c>
      <c r="BC18" s="1">
        <v>0.98</v>
      </c>
      <c r="BD18" s="1">
        <v>1.1000000000000001</v>
      </c>
      <c r="BE18" s="1"/>
      <c r="BF18" s="1"/>
      <c r="BG18" s="1"/>
      <c r="BH18" s="1"/>
      <c r="BI18" s="1"/>
      <c r="BJ18" s="1"/>
      <c r="BK18" s="1"/>
      <c r="BL18" s="1"/>
      <c r="BM18" s="1">
        <v>0.22</v>
      </c>
      <c r="BN18" s="1">
        <v>0.08</v>
      </c>
      <c r="BO18" s="1">
        <v>18</v>
      </c>
      <c r="BP18" s="1">
        <v>6.7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8472222222222221</v>
      </c>
      <c r="C19" s="1" t="s">
        <v>885</v>
      </c>
      <c r="D19" s="1" t="s">
        <v>27</v>
      </c>
      <c r="E19" s="1" t="s">
        <v>886</v>
      </c>
      <c r="F19" s="1" t="s">
        <v>209</v>
      </c>
      <c r="G19" s="1" t="s">
        <v>606</v>
      </c>
      <c r="H19" s="1" t="s">
        <v>630</v>
      </c>
      <c r="I19" s="1" t="s">
        <v>552</v>
      </c>
      <c r="J19" s="1" t="s">
        <v>552</v>
      </c>
      <c r="K19" s="1" t="s">
        <v>618</v>
      </c>
      <c r="L19" s="1" t="s">
        <v>778</v>
      </c>
      <c r="N19" s="1" t="s">
        <v>35</v>
      </c>
      <c r="O19" s="1" t="s">
        <v>203</v>
      </c>
      <c r="P19" s="1" t="s">
        <v>757</v>
      </c>
      <c r="Q19" s="1" t="s">
        <v>117</v>
      </c>
      <c r="R19" s="1" t="s">
        <v>204</v>
      </c>
      <c r="S19" s="1" t="s">
        <v>779</v>
      </c>
      <c r="U19" s="1">
        <v>7.7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21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1</v>
      </c>
      <c r="B20" s="2">
        <v>0.41666666666666669</v>
      </c>
      <c r="C20" s="1" t="s">
        <v>885</v>
      </c>
      <c r="D20" s="1" t="s">
        <v>68</v>
      </c>
      <c r="E20" s="1" t="s">
        <v>886</v>
      </c>
      <c r="F20" s="1" t="s">
        <v>462</v>
      </c>
      <c r="G20" s="1" t="s">
        <v>516</v>
      </c>
      <c r="H20" s="1" t="s">
        <v>650</v>
      </c>
      <c r="I20" s="1" t="s">
        <v>629</v>
      </c>
      <c r="J20" s="1" t="s">
        <v>552</v>
      </c>
      <c r="K20" s="1" t="s">
        <v>194</v>
      </c>
      <c r="L20" s="1" t="s">
        <v>758</v>
      </c>
      <c r="N20" s="1" t="s">
        <v>35</v>
      </c>
      <c r="O20" s="1" t="s">
        <v>203</v>
      </c>
      <c r="P20" s="1" t="s">
        <v>757</v>
      </c>
      <c r="Q20" s="1" t="s">
        <v>117</v>
      </c>
      <c r="R20" s="1" t="s">
        <v>466</v>
      </c>
      <c r="S20" s="1" t="s">
        <v>780</v>
      </c>
      <c r="T20" s="1" t="s">
        <v>191</v>
      </c>
      <c r="U20" s="1">
        <v>7.8</v>
      </c>
      <c r="V20" s="3">
        <v>13000</v>
      </c>
      <c r="W20" s="1"/>
      <c r="X20" s="1">
        <v>3.6</v>
      </c>
      <c r="Y20" s="1">
        <v>0.39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19</v>
      </c>
      <c r="BC20" s="1">
        <v>2</v>
      </c>
      <c r="BD20" s="1">
        <v>2.1</v>
      </c>
      <c r="BE20" s="1"/>
      <c r="BF20" s="1"/>
      <c r="BG20" s="1"/>
      <c r="BH20" s="1"/>
      <c r="BI20" s="1"/>
      <c r="BJ20" s="1"/>
      <c r="BK20" s="1"/>
      <c r="BL20" s="1"/>
      <c r="BM20" s="1">
        <v>0.14000000000000001</v>
      </c>
      <c r="BN20" s="1">
        <v>0.15</v>
      </c>
      <c r="BO20" s="1">
        <v>35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7777777777777779</v>
      </c>
      <c r="C21" s="1" t="s">
        <v>885</v>
      </c>
      <c r="D21" s="1" t="s">
        <v>68</v>
      </c>
      <c r="E21" s="1" t="s">
        <v>886</v>
      </c>
      <c r="F21" s="1" t="s">
        <v>327</v>
      </c>
      <c r="G21" s="1" t="s">
        <v>209</v>
      </c>
      <c r="H21" s="1" t="s">
        <v>650</v>
      </c>
      <c r="I21" s="1" t="s">
        <v>630</v>
      </c>
      <c r="J21" s="1" t="s">
        <v>552</v>
      </c>
      <c r="K21" s="1" t="s">
        <v>539</v>
      </c>
      <c r="L21" s="1" t="s">
        <v>758</v>
      </c>
      <c r="N21" s="1" t="s">
        <v>35</v>
      </c>
      <c r="O21" s="1" t="s">
        <v>203</v>
      </c>
      <c r="P21" s="1" t="s">
        <v>757</v>
      </c>
      <c r="Q21" s="1" t="s">
        <v>117</v>
      </c>
      <c r="R21" s="1" t="s">
        <v>590</v>
      </c>
      <c r="S21" s="1" t="s">
        <v>781</v>
      </c>
      <c r="U21" s="1">
        <v>8.6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2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1</v>
      </c>
      <c r="B22" s="2">
        <v>0.42708333333333331</v>
      </c>
      <c r="C22" s="1" t="s">
        <v>885</v>
      </c>
      <c r="D22" s="1" t="s">
        <v>387</v>
      </c>
      <c r="E22" s="1" t="s">
        <v>28</v>
      </c>
      <c r="F22" s="1" t="s">
        <v>682</v>
      </c>
      <c r="G22" s="1" t="s">
        <v>534</v>
      </c>
      <c r="H22" s="1" t="s">
        <v>629</v>
      </c>
      <c r="I22" s="1" t="s">
        <v>407</v>
      </c>
      <c r="J22" s="1" t="s">
        <v>552</v>
      </c>
      <c r="K22" s="1" t="s">
        <v>539</v>
      </c>
      <c r="L22" s="1" t="s">
        <v>758</v>
      </c>
      <c r="N22" s="1" t="s">
        <v>35</v>
      </c>
      <c r="O22" s="1" t="s">
        <v>203</v>
      </c>
      <c r="P22" s="1" t="s">
        <v>56</v>
      </c>
      <c r="Q22" s="1" t="s">
        <v>99</v>
      </c>
      <c r="R22" s="1" t="s">
        <v>244</v>
      </c>
      <c r="S22" s="1" t="s">
        <v>534</v>
      </c>
      <c r="U22" s="1">
        <v>10.6</v>
      </c>
      <c r="V22" s="1"/>
      <c r="W22" s="1"/>
      <c r="X22" s="1">
        <v>3.7</v>
      </c>
      <c r="Y22" s="1">
        <v>0.33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7.0000000000000007E-2</v>
      </c>
      <c r="BC22" s="1">
        <v>2.2000000000000002</v>
      </c>
      <c r="BD22" s="1">
        <v>2.2000000000000002</v>
      </c>
      <c r="BE22" s="1"/>
      <c r="BF22" s="1"/>
      <c r="BG22" s="1"/>
      <c r="BH22" s="1"/>
      <c r="BI22" s="1"/>
      <c r="BJ22" s="1"/>
      <c r="BK22" s="1"/>
      <c r="BL22" s="1"/>
      <c r="BM22" s="1">
        <v>0.91</v>
      </c>
      <c r="BN22" s="1">
        <v>0.1</v>
      </c>
      <c r="BO22" s="1">
        <v>36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8472222222222221</v>
      </c>
      <c r="C23" s="1" t="s">
        <v>885</v>
      </c>
      <c r="D23" s="1" t="s">
        <v>387</v>
      </c>
      <c r="E23" s="1" t="s">
        <v>28</v>
      </c>
      <c r="F23" s="1" t="s">
        <v>479</v>
      </c>
      <c r="G23" s="1" t="s">
        <v>643</v>
      </c>
      <c r="H23" s="1" t="s">
        <v>630</v>
      </c>
      <c r="I23" s="1" t="s">
        <v>271</v>
      </c>
      <c r="J23" s="1" t="s">
        <v>552</v>
      </c>
      <c r="K23" s="1" t="s">
        <v>539</v>
      </c>
      <c r="L23" s="1" t="s">
        <v>296</v>
      </c>
      <c r="N23" s="1" t="s">
        <v>35</v>
      </c>
      <c r="O23" s="1" t="s">
        <v>203</v>
      </c>
      <c r="P23" s="1" t="s">
        <v>56</v>
      </c>
      <c r="Q23" s="1" t="s">
        <v>99</v>
      </c>
      <c r="R23" s="1" t="s">
        <v>82</v>
      </c>
      <c r="S23" s="1" t="s">
        <v>419</v>
      </c>
      <c r="U23" s="1">
        <v>11.7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6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422</v>
      </c>
      <c r="B24" s="2">
        <v>0.4201388888888889</v>
      </c>
      <c r="C24" s="1" t="s">
        <v>885</v>
      </c>
      <c r="D24" s="1" t="s">
        <v>68</v>
      </c>
      <c r="E24" s="1" t="s">
        <v>887</v>
      </c>
      <c r="F24" s="1" t="s">
        <v>38</v>
      </c>
      <c r="G24" s="1" t="s">
        <v>380</v>
      </c>
      <c r="H24" s="1" t="s">
        <v>650</v>
      </c>
      <c r="I24" s="1" t="s">
        <v>630</v>
      </c>
      <c r="J24" s="1" t="s">
        <v>552</v>
      </c>
      <c r="K24" s="1" t="s">
        <v>200</v>
      </c>
      <c r="L24" s="1" t="s">
        <v>782</v>
      </c>
      <c r="N24" s="1" t="s">
        <v>35</v>
      </c>
      <c r="O24" s="1" t="s">
        <v>203</v>
      </c>
      <c r="P24" s="1" t="s">
        <v>37</v>
      </c>
      <c r="Q24" s="1" t="s">
        <v>57</v>
      </c>
      <c r="R24" s="1" t="s">
        <v>587</v>
      </c>
      <c r="S24" s="1" t="s">
        <v>643</v>
      </c>
      <c r="T24" s="1" t="s">
        <v>191</v>
      </c>
      <c r="U24" s="1">
        <v>9.3000000000000007</v>
      </c>
      <c r="V24" s="3">
        <v>13000</v>
      </c>
      <c r="W24" s="1" t="s">
        <v>929</v>
      </c>
      <c r="X24" s="1">
        <v>3.2</v>
      </c>
      <c r="Y24" s="1">
        <v>0.23</v>
      </c>
      <c r="Z24" s="1">
        <v>7.0000000000000001E-3</v>
      </c>
      <c r="AA24" s="1" t="s">
        <v>970</v>
      </c>
      <c r="AB24" s="1" t="s">
        <v>988</v>
      </c>
      <c r="AC24" s="1" t="s">
        <v>923</v>
      </c>
      <c r="AD24" s="1" t="s">
        <v>924</v>
      </c>
      <c r="AE24" s="1" t="s">
        <v>925</v>
      </c>
      <c r="AF24" s="1" t="s">
        <v>926</v>
      </c>
      <c r="AG24" s="1">
        <v>5.0000000000000001E-4</v>
      </c>
      <c r="AH24" s="1" t="s">
        <v>925</v>
      </c>
      <c r="AI24" s="1"/>
      <c r="AJ24" s="1" t="s">
        <v>925</v>
      </c>
      <c r="AK24" s="1" t="s">
        <v>930</v>
      </c>
      <c r="AL24" s="1" t="s">
        <v>930</v>
      </c>
      <c r="AM24" s="1" t="s">
        <v>930</v>
      </c>
      <c r="AN24" s="1" t="s">
        <v>930</v>
      </c>
      <c r="AO24" s="1" t="s">
        <v>930</v>
      </c>
      <c r="AP24" t="s">
        <v>930</v>
      </c>
      <c r="AQ24" s="1" t="s">
        <v>930</v>
      </c>
      <c r="AR24" s="1" t="s">
        <v>930</v>
      </c>
      <c r="AS24" s="1" t="s">
        <v>930</v>
      </c>
      <c r="AT24" s="1" t="s">
        <v>939</v>
      </c>
      <c r="AU24" s="1"/>
      <c r="AV24" s="1"/>
      <c r="AW24" s="1"/>
      <c r="AX24" s="1" t="s">
        <v>930</v>
      </c>
      <c r="AY24" s="1" t="s">
        <v>925</v>
      </c>
      <c r="AZ24" s="1">
        <v>0.11</v>
      </c>
      <c r="BA24" s="1">
        <v>2.7E-2</v>
      </c>
      <c r="BB24" s="1">
        <v>0.09</v>
      </c>
      <c r="BC24" s="1">
        <v>1.6</v>
      </c>
      <c r="BD24" s="1">
        <v>1.6</v>
      </c>
      <c r="BE24" s="1" t="s">
        <v>927</v>
      </c>
      <c r="BF24" s="1"/>
      <c r="BG24" s="1"/>
      <c r="BH24" s="1"/>
      <c r="BI24" s="1"/>
      <c r="BJ24" s="1"/>
      <c r="BK24" s="1"/>
      <c r="BL24" s="1"/>
      <c r="BM24" s="1">
        <v>0.88</v>
      </c>
      <c r="BN24" s="1">
        <v>7.4999999999999997E-2</v>
      </c>
      <c r="BO24" s="1">
        <v>34</v>
      </c>
      <c r="BP24" s="1">
        <v>17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7083333333333337</v>
      </c>
      <c r="C25" s="1" t="s">
        <v>885</v>
      </c>
      <c r="D25" s="1" t="s">
        <v>68</v>
      </c>
      <c r="E25" s="1" t="s">
        <v>887</v>
      </c>
      <c r="F25" s="1" t="s">
        <v>198</v>
      </c>
      <c r="G25" s="1" t="s">
        <v>472</v>
      </c>
      <c r="H25" s="1" t="s">
        <v>629</v>
      </c>
      <c r="I25" s="1" t="s">
        <v>632</v>
      </c>
      <c r="J25" s="1" t="s">
        <v>552</v>
      </c>
      <c r="K25" s="1" t="s">
        <v>539</v>
      </c>
      <c r="L25" s="1" t="s">
        <v>296</v>
      </c>
      <c r="N25" s="1" t="s">
        <v>35</v>
      </c>
      <c r="O25" s="1" t="s">
        <v>203</v>
      </c>
      <c r="P25" s="1" t="s">
        <v>37</v>
      </c>
      <c r="Q25" s="1" t="s">
        <v>117</v>
      </c>
      <c r="R25" s="1" t="s">
        <v>783</v>
      </c>
      <c r="S25" s="1" t="s">
        <v>784</v>
      </c>
      <c r="U25" s="1">
        <v>11.7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4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7</v>
      </c>
      <c r="B26" s="2">
        <v>0.3972222222222222</v>
      </c>
      <c r="C26" s="1" t="s">
        <v>885</v>
      </c>
      <c r="D26" s="1" t="s">
        <v>68</v>
      </c>
      <c r="E26" s="1" t="s">
        <v>887</v>
      </c>
      <c r="F26" s="1" t="s">
        <v>425</v>
      </c>
      <c r="G26" s="1" t="s">
        <v>563</v>
      </c>
      <c r="H26" s="1" t="s">
        <v>632</v>
      </c>
      <c r="I26" s="1" t="s">
        <v>229</v>
      </c>
      <c r="J26" s="1" t="s">
        <v>271</v>
      </c>
      <c r="K26" s="1" t="s">
        <v>390</v>
      </c>
      <c r="L26" s="1" t="s">
        <v>778</v>
      </c>
      <c r="N26" s="1" t="s">
        <v>35</v>
      </c>
      <c r="O26" s="1" t="s">
        <v>203</v>
      </c>
      <c r="P26" s="1" t="s">
        <v>37</v>
      </c>
      <c r="Q26" s="1" t="s">
        <v>144</v>
      </c>
      <c r="R26" s="1" t="s">
        <v>373</v>
      </c>
      <c r="S26" s="1" t="s">
        <v>735</v>
      </c>
      <c r="U26" s="1">
        <v>9.3000000000000007</v>
      </c>
      <c r="V26" s="1"/>
      <c r="W26" s="1"/>
      <c r="X26" s="1">
        <v>2.5</v>
      </c>
      <c r="Y26" s="1">
        <v>0.15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925</v>
      </c>
      <c r="AV26" s="1" t="s">
        <v>923</v>
      </c>
      <c r="AW26" s="1" t="s">
        <v>923</v>
      </c>
      <c r="AX26" s="1"/>
      <c r="AY26" s="1"/>
      <c r="AZ26" s="1"/>
      <c r="BA26" s="1"/>
      <c r="BB26" s="1">
        <v>7.0000000000000007E-2</v>
      </c>
      <c r="BC26" s="1">
        <v>1.5</v>
      </c>
      <c r="BD26" s="1">
        <v>1.5</v>
      </c>
      <c r="BE26" s="1"/>
      <c r="BF26" s="1"/>
      <c r="BG26" s="1"/>
      <c r="BH26" s="1"/>
      <c r="BI26" s="1"/>
      <c r="BJ26" s="1"/>
      <c r="BK26" s="1"/>
      <c r="BL26" s="1"/>
      <c r="BM26" s="1">
        <v>0.38</v>
      </c>
      <c r="BN26" s="1">
        <v>5.3999999999999999E-2</v>
      </c>
      <c r="BO26" s="1">
        <v>23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4652777777777779</v>
      </c>
      <c r="C27" s="1" t="s">
        <v>885</v>
      </c>
      <c r="D27" s="1" t="s">
        <v>68</v>
      </c>
      <c r="E27" s="1" t="s">
        <v>887</v>
      </c>
      <c r="F27" s="1" t="s">
        <v>551</v>
      </c>
      <c r="G27" s="1" t="s">
        <v>627</v>
      </c>
      <c r="H27" s="1" t="s">
        <v>632</v>
      </c>
      <c r="I27" s="1" t="s">
        <v>300</v>
      </c>
      <c r="J27" s="1" t="s">
        <v>271</v>
      </c>
      <c r="K27" s="1" t="s">
        <v>314</v>
      </c>
      <c r="L27" s="1" t="s">
        <v>208</v>
      </c>
      <c r="N27" s="1" t="s">
        <v>35</v>
      </c>
      <c r="O27" s="1" t="s">
        <v>203</v>
      </c>
      <c r="P27" s="1" t="s">
        <v>37</v>
      </c>
      <c r="Q27" s="1" t="s">
        <v>464</v>
      </c>
      <c r="R27" s="1" t="s">
        <v>204</v>
      </c>
      <c r="S27" s="1" t="s">
        <v>625</v>
      </c>
      <c r="U27" s="1">
        <v>9.5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6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</sheetData>
  <phoneticPr fontId="18"/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88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15</v>
      </c>
      <c r="C1" s="1" t="s">
        <v>1</v>
      </c>
      <c r="D1" s="1" t="s">
        <v>916</v>
      </c>
      <c r="E1" s="1" t="s">
        <v>2</v>
      </c>
      <c r="F1" s="1" t="s">
        <v>896</v>
      </c>
      <c r="G1" s="1" t="s">
        <v>3</v>
      </c>
      <c r="H1" s="1" t="s">
        <v>89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0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3333333333333331</v>
      </c>
      <c r="C4" s="1" t="s">
        <v>885</v>
      </c>
      <c r="D4" s="1" t="s">
        <v>68</v>
      </c>
      <c r="E4" s="1" t="s">
        <v>28</v>
      </c>
      <c r="F4" s="1" t="s">
        <v>652</v>
      </c>
      <c r="G4" s="1" t="s">
        <v>155</v>
      </c>
      <c r="H4" s="1" t="s">
        <v>385</v>
      </c>
      <c r="I4" s="1" t="s">
        <v>324</v>
      </c>
      <c r="J4" s="1" t="s">
        <v>271</v>
      </c>
      <c r="K4" s="1" t="s">
        <v>390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38</v>
      </c>
      <c r="R4" s="1" t="s">
        <v>132</v>
      </c>
      <c r="S4" s="1" t="s">
        <v>466</v>
      </c>
      <c r="T4" s="1" t="s">
        <v>59</v>
      </c>
      <c r="U4" s="1">
        <v>8.6</v>
      </c>
      <c r="V4" s="3">
        <v>2400</v>
      </c>
      <c r="W4" s="1"/>
      <c r="X4" s="1">
        <v>6.2</v>
      </c>
      <c r="Y4" s="1">
        <v>0.18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4</v>
      </c>
      <c r="BC4" s="1">
        <v>5.9</v>
      </c>
      <c r="BD4" s="1">
        <v>5.9</v>
      </c>
      <c r="BE4" s="1"/>
      <c r="BF4" s="1"/>
      <c r="BG4" s="1"/>
      <c r="BH4" s="1"/>
      <c r="BI4" s="1"/>
      <c r="BJ4" s="1"/>
      <c r="BK4" s="1"/>
      <c r="BL4" s="1"/>
      <c r="BM4" s="1">
        <v>7.0000000000000007E-2</v>
      </c>
      <c r="BN4" s="1">
        <v>0.15</v>
      </c>
      <c r="BO4" s="1">
        <v>48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386</v>
      </c>
      <c r="B5" s="2">
        <v>0.33333333333333331</v>
      </c>
      <c r="C5" s="1" t="s">
        <v>885</v>
      </c>
      <c r="D5" s="1" t="s">
        <v>387</v>
      </c>
      <c r="E5" s="1" t="s">
        <v>28</v>
      </c>
      <c r="F5" s="1" t="s">
        <v>78</v>
      </c>
      <c r="G5" s="1" t="s">
        <v>491</v>
      </c>
      <c r="H5" s="1" t="s">
        <v>542</v>
      </c>
      <c r="I5" s="1" t="s">
        <v>785</v>
      </c>
      <c r="J5" s="1" t="s">
        <v>212</v>
      </c>
      <c r="K5" s="1" t="s">
        <v>142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38</v>
      </c>
      <c r="R5" s="1" t="s">
        <v>132</v>
      </c>
      <c r="S5" s="1" t="s">
        <v>497</v>
      </c>
      <c r="U5" s="1">
        <v>9.5</v>
      </c>
      <c r="V5" s="1"/>
      <c r="W5" s="1"/>
      <c r="X5" s="1">
        <v>5.2</v>
      </c>
      <c r="Y5" s="1">
        <v>0.15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6</v>
      </c>
      <c r="BC5" s="1">
        <v>5.0999999999999996</v>
      </c>
      <c r="BD5" s="1">
        <v>5.0999999999999996</v>
      </c>
      <c r="BE5" s="1"/>
      <c r="BF5" s="1"/>
      <c r="BG5" s="1"/>
      <c r="BH5" s="1"/>
      <c r="BI5" s="1"/>
      <c r="BJ5" s="1"/>
      <c r="BK5" s="1"/>
      <c r="BL5" s="1"/>
      <c r="BM5" s="1">
        <v>0.05</v>
      </c>
      <c r="BN5" s="1">
        <v>0.12</v>
      </c>
      <c r="BO5" s="1">
        <v>46</v>
      </c>
      <c r="BP5" s="1">
        <v>26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91</v>
      </c>
      <c r="B6" s="2">
        <v>0.33333333333333331</v>
      </c>
      <c r="C6" s="1" t="s">
        <v>885</v>
      </c>
      <c r="D6" s="1" t="s">
        <v>27</v>
      </c>
      <c r="E6" s="1" t="s">
        <v>28</v>
      </c>
      <c r="F6" s="1" t="s">
        <v>786</v>
      </c>
      <c r="G6" s="1" t="s">
        <v>787</v>
      </c>
      <c r="H6" s="1" t="s">
        <v>537</v>
      </c>
      <c r="I6" s="1" t="s">
        <v>788</v>
      </c>
      <c r="J6" s="1" t="s">
        <v>223</v>
      </c>
      <c r="K6" s="1" t="s">
        <v>32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99</v>
      </c>
      <c r="R6" s="1" t="s">
        <v>39</v>
      </c>
      <c r="S6" s="1" t="s">
        <v>559</v>
      </c>
      <c r="T6" s="1" t="s">
        <v>110</v>
      </c>
      <c r="U6" s="1">
        <v>8.1999999999999993</v>
      </c>
      <c r="V6" s="3">
        <v>13000</v>
      </c>
      <c r="W6" s="1"/>
      <c r="X6" s="1">
        <v>3.9</v>
      </c>
      <c r="Y6" s="1">
        <v>0.1400000000000000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8</v>
      </c>
      <c r="BC6" s="1">
        <v>3.5</v>
      </c>
      <c r="BD6" s="1">
        <v>3.5</v>
      </c>
      <c r="BE6" s="1"/>
      <c r="BF6" s="1"/>
      <c r="BG6" s="1"/>
      <c r="BH6" s="1"/>
      <c r="BI6" s="1"/>
      <c r="BJ6" s="1"/>
      <c r="BK6" s="1"/>
      <c r="BL6" s="1"/>
      <c r="BM6" s="1">
        <v>0.06</v>
      </c>
      <c r="BN6" s="1">
        <v>8.6999999999999994E-2</v>
      </c>
      <c r="BO6" s="1">
        <v>32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84</v>
      </c>
      <c r="B7" s="2">
        <v>0.33333333333333331</v>
      </c>
      <c r="C7" s="1" t="s">
        <v>885</v>
      </c>
      <c r="D7" s="1" t="s">
        <v>68</v>
      </c>
      <c r="E7" s="1" t="s">
        <v>28</v>
      </c>
      <c r="F7" s="1" t="s">
        <v>246</v>
      </c>
      <c r="G7" s="1" t="s">
        <v>601</v>
      </c>
      <c r="H7" s="1" t="s">
        <v>200</v>
      </c>
      <c r="I7" s="1" t="s">
        <v>623</v>
      </c>
      <c r="J7" s="1" t="s">
        <v>312</v>
      </c>
      <c r="K7" s="1" t="s">
        <v>482</v>
      </c>
      <c r="L7" s="1" t="s">
        <v>34</v>
      </c>
      <c r="N7" s="1" t="s">
        <v>35</v>
      </c>
      <c r="O7" s="1" t="s">
        <v>74</v>
      </c>
      <c r="P7" s="1" t="s">
        <v>757</v>
      </c>
      <c r="Q7" s="1" t="s">
        <v>99</v>
      </c>
      <c r="R7" s="1" t="s">
        <v>39</v>
      </c>
      <c r="S7" s="1" t="s">
        <v>590</v>
      </c>
      <c r="U7" s="1">
        <v>7.4</v>
      </c>
      <c r="V7" s="1"/>
      <c r="W7" s="1"/>
      <c r="X7" s="1">
        <v>2.9</v>
      </c>
      <c r="Y7" s="1">
        <v>0.1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925</v>
      </c>
      <c r="AV7" s="1" t="s">
        <v>923</v>
      </c>
      <c r="AW7" s="1" t="s">
        <v>923</v>
      </c>
      <c r="AX7" s="1"/>
      <c r="AY7" s="1"/>
      <c r="AZ7" s="1"/>
      <c r="BA7" s="1"/>
      <c r="BB7" s="1">
        <v>0.1</v>
      </c>
      <c r="BC7" s="1">
        <v>2.6</v>
      </c>
      <c r="BD7" s="1">
        <v>2.7</v>
      </c>
      <c r="BE7" s="1"/>
      <c r="BF7" s="1"/>
      <c r="BG7" s="1"/>
      <c r="BH7" s="1"/>
      <c r="BI7" s="1"/>
      <c r="BJ7" s="1"/>
      <c r="BK7" s="1" t="s">
        <v>925</v>
      </c>
      <c r="BL7" s="1"/>
      <c r="BM7" s="1">
        <v>0.06</v>
      </c>
      <c r="BN7" s="1">
        <v>8.8999999999999996E-2</v>
      </c>
      <c r="BO7" s="1">
        <v>36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00</v>
      </c>
      <c r="B8" s="2">
        <v>0.33333333333333331</v>
      </c>
      <c r="C8" s="1" t="s">
        <v>885</v>
      </c>
      <c r="D8" s="1" t="s">
        <v>27</v>
      </c>
      <c r="E8" s="1" t="s">
        <v>28</v>
      </c>
      <c r="F8" s="1" t="s">
        <v>447</v>
      </c>
      <c r="G8" s="1" t="s">
        <v>601</v>
      </c>
      <c r="H8" s="1" t="s">
        <v>385</v>
      </c>
      <c r="I8" s="1" t="s">
        <v>789</v>
      </c>
      <c r="J8" s="1" t="s">
        <v>212</v>
      </c>
      <c r="K8" s="1" t="s">
        <v>174</v>
      </c>
      <c r="L8" s="1" t="s">
        <v>34</v>
      </c>
      <c r="N8" s="1" t="s">
        <v>35</v>
      </c>
      <c r="O8" s="1" t="s">
        <v>74</v>
      </c>
      <c r="P8" s="1" t="s">
        <v>56</v>
      </c>
      <c r="Q8" s="1" t="s">
        <v>38</v>
      </c>
      <c r="R8" s="1" t="s">
        <v>118</v>
      </c>
      <c r="S8" s="1" t="s">
        <v>143</v>
      </c>
      <c r="T8" s="1" t="s">
        <v>181</v>
      </c>
      <c r="U8" s="1">
        <v>7.8</v>
      </c>
      <c r="V8" s="3">
        <v>24000</v>
      </c>
      <c r="W8" s="1" t="s">
        <v>929</v>
      </c>
      <c r="X8" s="1">
        <v>4</v>
      </c>
      <c r="Y8" s="1">
        <v>0.11</v>
      </c>
      <c r="Z8" s="1">
        <v>6.8999999999999999E-3</v>
      </c>
      <c r="AA8" s="1" t="s">
        <v>970</v>
      </c>
      <c r="AB8" s="1" t="s">
        <v>989</v>
      </c>
      <c r="AC8" s="1" t="s">
        <v>923</v>
      </c>
      <c r="AD8" s="1" t="s">
        <v>924</v>
      </c>
      <c r="AE8" s="1" t="s">
        <v>925</v>
      </c>
      <c r="AF8" s="1" t="s">
        <v>926</v>
      </c>
      <c r="AG8" s="1" t="s">
        <v>925</v>
      </c>
      <c r="AH8" s="1" t="s">
        <v>925</v>
      </c>
      <c r="AI8" s="1"/>
      <c r="AJ8" s="1" t="s">
        <v>925</v>
      </c>
      <c r="AK8" s="1" t="s">
        <v>930</v>
      </c>
      <c r="AL8" s="1" t="s">
        <v>930</v>
      </c>
      <c r="AM8" s="1" t="s">
        <v>930</v>
      </c>
      <c r="AN8" s="1" t="s">
        <v>930</v>
      </c>
      <c r="AO8" s="1" t="s">
        <v>930</v>
      </c>
      <c r="AP8" t="s">
        <v>930</v>
      </c>
      <c r="AQ8" s="1" t="s">
        <v>930</v>
      </c>
      <c r="AR8" s="1" t="s">
        <v>930</v>
      </c>
      <c r="AS8" s="1" t="s">
        <v>930</v>
      </c>
      <c r="AT8" s="1" t="s">
        <v>939</v>
      </c>
      <c r="AU8" s="1"/>
      <c r="AV8" s="1"/>
      <c r="AW8" s="1"/>
      <c r="AX8" s="1" t="s">
        <v>930</v>
      </c>
      <c r="AY8" s="1" t="s">
        <v>925</v>
      </c>
      <c r="AZ8" s="1">
        <v>7.0000000000000007E-2</v>
      </c>
      <c r="BA8" s="1">
        <v>0.02</v>
      </c>
      <c r="BB8" s="1">
        <v>0.09</v>
      </c>
      <c r="BC8" s="1">
        <v>3.8</v>
      </c>
      <c r="BD8" s="1">
        <v>3.8</v>
      </c>
      <c r="BE8" s="1" t="s">
        <v>927</v>
      </c>
      <c r="BF8" s="1"/>
      <c r="BG8" s="1"/>
      <c r="BH8" s="1"/>
      <c r="BI8" s="1"/>
      <c r="BJ8" s="1"/>
      <c r="BK8" s="1"/>
      <c r="BL8" s="1"/>
      <c r="BM8" s="1">
        <v>0.06</v>
      </c>
      <c r="BN8" s="1">
        <v>8.6999999999999994E-2</v>
      </c>
      <c r="BO8" s="1">
        <v>38</v>
      </c>
      <c r="BP8" s="1">
        <v>19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119</v>
      </c>
      <c r="B9" s="2">
        <v>0.33333333333333331</v>
      </c>
      <c r="C9" s="1" t="s">
        <v>885</v>
      </c>
      <c r="D9" s="1" t="s">
        <v>68</v>
      </c>
      <c r="E9" s="1" t="s">
        <v>28</v>
      </c>
      <c r="F9" s="1" t="s">
        <v>86</v>
      </c>
      <c r="G9" s="1" t="s">
        <v>291</v>
      </c>
      <c r="H9" s="1" t="s">
        <v>269</v>
      </c>
      <c r="I9" s="1" t="s">
        <v>586</v>
      </c>
      <c r="J9" s="1" t="s">
        <v>223</v>
      </c>
      <c r="K9" s="1" t="s">
        <v>575</v>
      </c>
      <c r="L9" s="1" t="s">
        <v>34</v>
      </c>
      <c r="N9" s="1" t="s">
        <v>35</v>
      </c>
      <c r="O9" s="1" t="s">
        <v>74</v>
      </c>
      <c r="P9" s="1" t="s">
        <v>56</v>
      </c>
      <c r="Q9" s="1" t="s">
        <v>57</v>
      </c>
      <c r="R9" s="1" t="s">
        <v>152</v>
      </c>
      <c r="S9" s="1" t="s">
        <v>466</v>
      </c>
      <c r="U9" s="1">
        <v>7.4</v>
      </c>
      <c r="V9" s="1"/>
      <c r="W9" s="1"/>
      <c r="X9" s="1">
        <v>5.6</v>
      </c>
      <c r="Y9" s="1">
        <v>0.13</v>
      </c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8</v>
      </c>
      <c r="BC9" s="1">
        <v>4.4000000000000004</v>
      </c>
      <c r="BD9" s="1">
        <v>4.4000000000000004</v>
      </c>
      <c r="BE9" s="1" t="s">
        <v>971</v>
      </c>
      <c r="BF9" s="1"/>
      <c r="BG9" s="1"/>
      <c r="BH9" s="1"/>
      <c r="BI9" s="1"/>
      <c r="BJ9" s="1"/>
      <c r="BK9" s="1"/>
      <c r="BL9" s="1"/>
      <c r="BM9" s="1">
        <v>0.09</v>
      </c>
      <c r="BN9" s="1">
        <v>9.2999999999999999E-2</v>
      </c>
      <c r="BO9" s="1">
        <v>3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409</v>
      </c>
      <c r="B10" s="2">
        <v>0.33333333333333331</v>
      </c>
      <c r="C10" s="1" t="s">
        <v>885</v>
      </c>
      <c r="D10" s="1" t="s">
        <v>68</v>
      </c>
      <c r="E10" s="1" t="s">
        <v>28</v>
      </c>
      <c r="F10" s="1" t="s">
        <v>578</v>
      </c>
      <c r="G10" s="1" t="s">
        <v>240</v>
      </c>
      <c r="H10" s="1" t="s">
        <v>385</v>
      </c>
      <c r="I10" s="1" t="s">
        <v>790</v>
      </c>
      <c r="J10" s="1" t="s">
        <v>217</v>
      </c>
      <c r="K10" s="1" t="s">
        <v>298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99</v>
      </c>
      <c r="R10" s="1" t="s">
        <v>132</v>
      </c>
      <c r="S10" s="1" t="s">
        <v>204</v>
      </c>
      <c r="T10" s="1" t="s">
        <v>110</v>
      </c>
      <c r="U10" s="1">
        <v>8.6</v>
      </c>
      <c r="V10" s="3">
        <v>7900</v>
      </c>
      <c r="W10" s="1"/>
      <c r="X10" s="1">
        <v>6.6</v>
      </c>
      <c r="Y10" s="1">
        <v>0.11</v>
      </c>
      <c r="Z10" s="1"/>
      <c r="AA10" s="1" t="s">
        <v>971</v>
      </c>
      <c r="AB10" s="1" t="s">
        <v>971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7.0000000000000007E-2</v>
      </c>
      <c r="BC10" s="1">
        <v>6</v>
      </c>
      <c r="BD10" s="1">
        <v>6</v>
      </c>
      <c r="BE10" s="1" t="s">
        <v>971</v>
      </c>
      <c r="BF10" s="1" t="s">
        <v>927</v>
      </c>
      <c r="BG10" s="1">
        <v>5.0000000000000001E-3</v>
      </c>
      <c r="BH10" s="1">
        <v>0.04</v>
      </c>
      <c r="BI10" s="1">
        <v>6.1000000000000004E-3</v>
      </c>
      <c r="BJ10" s="1" t="s">
        <v>927</v>
      </c>
      <c r="BK10" s="1"/>
      <c r="BL10" s="1">
        <v>1E-3</v>
      </c>
      <c r="BM10" s="1">
        <v>0.04</v>
      </c>
      <c r="BN10" s="1">
        <v>9.1999999999999998E-2</v>
      </c>
      <c r="BO10" s="1">
        <v>41</v>
      </c>
      <c r="BP10" s="1"/>
      <c r="BQ10" s="1"/>
      <c r="BR10" s="1" t="s">
        <v>946</v>
      </c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413</v>
      </c>
      <c r="B11" s="2">
        <v>0.33333333333333331</v>
      </c>
      <c r="C11" s="1" t="s">
        <v>885</v>
      </c>
      <c r="D11" s="1" t="s">
        <v>68</v>
      </c>
      <c r="E11" s="1" t="s">
        <v>886</v>
      </c>
      <c r="F11" s="1" t="s">
        <v>140</v>
      </c>
      <c r="G11" s="1" t="s">
        <v>519</v>
      </c>
      <c r="H11" s="1" t="s">
        <v>408</v>
      </c>
      <c r="I11" s="1" t="s">
        <v>324</v>
      </c>
      <c r="J11" s="1" t="s">
        <v>418</v>
      </c>
      <c r="K11" s="1" t="s">
        <v>261</v>
      </c>
      <c r="L11" s="1" t="s">
        <v>378</v>
      </c>
      <c r="N11" s="1" t="s">
        <v>35</v>
      </c>
      <c r="O11" s="1" t="s">
        <v>74</v>
      </c>
      <c r="P11" s="1" t="s">
        <v>56</v>
      </c>
      <c r="Q11" s="1" t="s">
        <v>144</v>
      </c>
      <c r="R11" s="1" t="s">
        <v>83</v>
      </c>
      <c r="S11" s="1" t="s">
        <v>419</v>
      </c>
      <c r="U11" s="1">
        <v>7.6</v>
      </c>
      <c r="V11" s="1"/>
      <c r="W11" s="1"/>
      <c r="X11" s="1">
        <v>4.4000000000000004</v>
      </c>
      <c r="Y11" s="1">
        <v>0.21</v>
      </c>
      <c r="Z11" s="1"/>
      <c r="AA11" s="1" t="s">
        <v>971</v>
      </c>
      <c r="AB11" s="1" t="s">
        <v>97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11</v>
      </c>
      <c r="BC11" s="1">
        <v>3.8</v>
      </c>
      <c r="BD11" s="1">
        <v>3.9</v>
      </c>
      <c r="BE11" s="1" t="s">
        <v>971</v>
      </c>
      <c r="BF11" s="1"/>
      <c r="BG11" s="1"/>
      <c r="BH11" s="1"/>
      <c r="BI11" s="1"/>
      <c r="BJ11" s="1"/>
      <c r="BK11" s="1"/>
      <c r="BL11" s="1"/>
      <c r="BM11" s="1">
        <v>0.1</v>
      </c>
      <c r="BN11" s="1">
        <v>0.11</v>
      </c>
      <c r="BO11" s="1">
        <v>37</v>
      </c>
      <c r="BP11" s="1">
        <v>23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61</v>
      </c>
      <c r="B12" s="2">
        <v>0.33333333333333331</v>
      </c>
      <c r="C12" s="1" t="s">
        <v>885</v>
      </c>
      <c r="D12" s="1" t="s">
        <v>68</v>
      </c>
      <c r="E12" s="1" t="s">
        <v>886</v>
      </c>
      <c r="F12" s="1" t="s">
        <v>220</v>
      </c>
      <c r="G12" s="1" t="s">
        <v>578</v>
      </c>
      <c r="H12" s="1" t="s">
        <v>394</v>
      </c>
      <c r="I12" s="1" t="s">
        <v>368</v>
      </c>
      <c r="J12" s="1" t="s">
        <v>223</v>
      </c>
      <c r="K12" s="1" t="s">
        <v>575</v>
      </c>
      <c r="L12" s="1" t="s">
        <v>34</v>
      </c>
      <c r="N12" s="1" t="s">
        <v>35</v>
      </c>
      <c r="O12" s="1" t="s">
        <v>74</v>
      </c>
      <c r="P12" s="1" t="s">
        <v>56</v>
      </c>
      <c r="Q12" s="1" t="s">
        <v>57</v>
      </c>
      <c r="R12" s="1" t="s">
        <v>82</v>
      </c>
      <c r="S12" s="1" t="s">
        <v>534</v>
      </c>
      <c r="T12" s="1" t="s">
        <v>506</v>
      </c>
      <c r="U12" s="1">
        <v>6.7</v>
      </c>
      <c r="V12" s="3">
        <v>13000</v>
      </c>
      <c r="W12" s="1"/>
      <c r="X12" s="1">
        <v>6</v>
      </c>
      <c r="Y12" s="1">
        <v>0.21</v>
      </c>
      <c r="Z12" s="1"/>
      <c r="AA12" s="1" t="s">
        <v>971</v>
      </c>
      <c r="AB12" s="1" t="s">
        <v>971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14000000000000001</v>
      </c>
      <c r="BC12" s="1">
        <v>5.2</v>
      </c>
      <c r="BD12" s="1">
        <v>5.3</v>
      </c>
      <c r="BE12" s="1" t="s">
        <v>971</v>
      </c>
      <c r="BF12" s="1"/>
      <c r="BG12" s="1"/>
      <c r="BH12" s="1"/>
      <c r="BI12" s="1"/>
      <c r="BJ12" s="1"/>
      <c r="BK12" s="1"/>
      <c r="BL12" s="1"/>
      <c r="BM12" s="1">
        <v>0.08</v>
      </c>
      <c r="BN12" s="1">
        <v>0.13</v>
      </c>
      <c r="BO12" s="1">
        <v>51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71</v>
      </c>
      <c r="B13" s="2">
        <v>0.34027777777777773</v>
      </c>
      <c r="C13" s="1" t="s">
        <v>885</v>
      </c>
      <c r="D13" s="1" t="s">
        <v>387</v>
      </c>
      <c r="E13" s="1" t="s">
        <v>28</v>
      </c>
      <c r="F13" s="1" t="s">
        <v>590</v>
      </c>
      <c r="G13" s="1" t="s">
        <v>108</v>
      </c>
      <c r="H13" s="1" t="s">
        <v>542</v>
      </c>
      <c r="I13" s="1" t="s">
        <v>637</v>
      </c>
      <c r="J13" s="1" t="s">
        <v>271</v>
      </c>
      <c r="K13" s="1" t="s">
        <v>493</v>
      </c>
      <c r="L13" s="1" t="s">
        <v>34</v>
      </c>
      <c r="N13" s="1" t="s">
        <v>35</v>
      </c>
      <c r="O13" s="1" t="s">
        <v>74</v>
      </c>
      <c r="P13" s="1" t="s">
        <v>56</v>
      </c>
      <c r="Q13" s="1" t="s">
        <v>38</v>
      </c>
      <c r="R13" s="1" t="s">
        <v>416</v>
      </c>
      <c r="S13" s="1" t="s">
        <v>190</v>
      </c>
      <c r="U13" s="1">
        <v>9.6</v>
      </c>
      <c r="V13" s="1"/>
      <c r="W13" s="1"/>
      <c r="X13" s="1">
        <v>7.7</v>
      </c>
      <c r="Y13" s="1">
        <v>0.23</v>
      </c>
      <c r="Z13" s="1"/>
      <c r="AA13" s="1" t="s">
        <v>971</v>
      </c>
      <c r="AB13" s="1" t="s">
        <v>971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6</v>
      </c>
      <c r="BC13" s="1">
        <v>7.1</v>
      </c>
      <c r="BD13" s="1">
        <v>7.1</v>
      </c>
      <c r="BE13" s="1" t="s">
        <v>971</v>
      </c>
      <c r="BF13" s="1"/>
      <c r="BG13" s="1"/>
      <c r="BH13" s="1"/>
      <c r="BI13" s="1"/>
      <c r="BJ13" s="1"/>
      <c r="BK13" s="1"/>
      <c r="BL13" s="1"/>
      <c r="BM13" s="1">
        <v>0.18</v>
      </c>
      <c r="BN13" s="1">
        <v>0.21</v>
      </c>
      <c r="BO13" s="1">
        <v>45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422</v>
      </c>
      <c r="B14" s="2">
        <v>0.33333333333333331</v>
      </c>
      <c r="C14" s="1" t="s">
        <v>885</v>
      </c>
      <c r="D14" s="1" t="s">
        <v>68</v>
      </c>
      <c r="E14" s="1" t="s">
        <v>887</v>
      </c>
      <c r="F14" s="1" t="s">
        <v>643</v>
      </c>
      <c r="G14" s="1" t="s">
        <v>791</v>
      </c>
      <c r="H14" s="1" t="s">
        <v>294</v>
      </c>
      <c r="I14" s="1" t="s">
        <v>113</v>
      </c>
      <c r="J14" s="1" t="s">
        <v>212</v>
      </c>
      <c r="K14" s="1" t="s">
        <v>496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99</v>
      </c>
      <c r="R14" s="1" t="s">
        <v>189</v>
      </c>
      <c r="S14" s="1" t="s">
        <v>479</v>
      </c>
      <c r="T14" s="1" t="s">
        <v>181</v>
      </c>
      <c r="U14" s="1">
        <v>8.5</v>
      </c>
      <c r="V14" s="3">
        <v>13000</v>
      </c>
      <c r="W14" s="1" t="s">
        <v>929</v>
      </c>
      <c r="X14" s="1">
        <v>7</v>
      </c>
      <c r="Y14" s="1">
        <v>0.22</v>
      </c>
      <c r="Z14" s="1">
        <v>1.4E-2</v>
      </c>
      <c r="AA14" s="1" t="s">
        <v>970</v>
      </c>
      <c r="AB14" s="1" t="s">
        <v>990</v>
      </c>
      <c r="AC14" s="1" t="s">
        <v>923</v>
      </c>
      <c r="AD14" s="1" t="s">
        <v>924</v>
      </c>
      <c r="AE14" s="1" t="s">
        <v>925</v>
      </c>
      <c r="AF14" s="1" t="s">
        <v>926</v>
      </c>
      <c r="AG14" s="1" t="s">
        <v>925</v>
      </c>
      <c r="AH14" s="1" t="s">
        <v>925</v>
      </c>
      <c r="AI14" s="1"/>
      <c r="AJ14" s="1" t="s">
        <v>925</v>
      </c>
      <c r="AK14" s="1" t="s">
        <v>930</v>
      </c>
      <c r="AL14" s="1" t="s">
        <v>930</v>
      </c>
      <c r="AM14" s="1" t="s">
        <v>930</v>
      </c>
      <c r="AN14" s="1" t="s">
        <v>930</v>
      </c>
      <c r="AO14" s="1" t="s">
        <v>930</v>
      </c>
      <c r="AP14" t="s">
        <v>930</v>
      </c>
      <c r="AQ14" s="1" t="s">
        <v>930</v>
      </c>
      <c r="AR14" s="1" t="s">
        <v>930</v>
      </c>
      <c r="AS14" s="1">
        <v>2.0000000000000001E-4</v>
      </c>
      <c r="AT14" s="1" t="s">
        <v>939</v>
      </c>
      <c r="AU14" s="1"/>
      <c r="AV14" s="1"/>
      <c r="AW14" s="1"/>
      <c r="AX14" s="1" t="s">
        <v>930</v>
      </c>
      <c r="AY14" s="1">
        <v>5.9999999999999995E-4</v>
      </c>
      <c r="AZ14" s="1">
        <v>0.05</v>
      </c>
      <c r="BA14" s="1">
        <v>6.0999999999999999E-2</v>
      </c>
      <c r="BB14" s="1">
        <v>0.06</v>
      </c>
      <c r="BC14" s="1">
        <v>6.2</v>
      </c>
      <c r="BD14" s="1">
        <v>6.2</v>
      </c>
      <c r="BE14" s="1" t="s">
        <v>927</v>
      </c>
      <c r="BF14" s="1"/>
      <c r="BG14" s="1"/>
      <c r="BH14" s="1"/>
      <c r="BI14" s="1"/>
      <c r="BJ14" s="1"/>
      <c r="BK14" s="1"/>
      <c r="BL14" s="1"/>
      <c r="BM14" s="1">
        <v>0.17</v>
      </c>
      <c r="BN14" s="1">
        <v>0.19</v>
      </c>
      <c r="BO14" s="1">
        <v>52</v>
      </c>
      <c r="BP14" s="1">
        <v>4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97</v>
      </c>
      <c r="B15" s="2">
        <v>0.33333333333333331</v>
      </c>
      <c r="C15" s="1" t="s">
        <v>885</v>
      </c>
      <c r="D15" s="1" t="s">
        <v>68</v>
      </c>
      <c r="E15" s="1" t="s">
        <v>887</v>
      </c>
      <c r="F15" s="1" t="s">
        <v>183</v>
      </c>
      <c r="G15" s="1" t="s">
        <v>652</v>
      </c>
      <c r="H15" s="1" t="s">
        <v>537</v>
      </c>
      <c r="I15" s="1" t="s">
        <v>301</v>
      </c>
      <c r="J15" s="1" t="s">
        <v>418</v>
      </c>
      <c r="K15" s="1" t="s">
        <v>478</v>
      </c>
      <c r="L15" s="1" t="s">
        <v>34</v>
      </c>
      <c r="N15" s="1" t="s">
        <v>35</v>
      </c>
      <c r="O15" s="1" t="s">
        <v>74</v>
      </c>
      <c r="P15" s="1" t="s">
        <v>37</v>
      </c>
      <c r="Q15" s="1" t="s">
        <v>117</v>
      </c>
      <c r="R15" s="1" t="s">
        <v>75</v>
      </c>
      <c r="S15" s="1" t="s">
        <v>419</v>
      </c>
      <c r="U15" s="1">
        <v>8.3000000000000007</v>
      </c>
      <c r="V15" s="1"/>
      <c r="W15" s="1"/>
      <c r="X15" s="1">
        <v>6.2</v>
      </c>
      <c r="Y15" s="1">
        <v>0.19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925</v>
      </c>
      <c r="AV15" s="1" t="s">
        <v>923</v>
      </c>
      <c r="AW15" s="1" t="s">
        <v>923</v>
      </c>
      <c r="AX15" s="1"/>
      <c r="AY15" s="1"/>
      <c r="AZ15" s="1"/>
      <c r="BA15" s="1"/>
      <c r="BB15" s="1">
        <v>7.0000000000000007E-2</v>
      </c>
      <c r="BC15" s="1">
        <v>5.9</v>
      </c>
      <c r="BD15" s="1">
        <v>5.9</v>
      </c>
      <c r="BE15" s="1"/>
      <c r="BF15" s="1"/>
      <c r="BG15" s="1"/>
      <c r="BH15" s="1"/>
      <c r="BI15" s="1"/>
      <c r="BJ15" s="1"/>
      <c r="BK15" s="1"/>
      <c r="BL15" s="1"/>
      <c r="BM15" s="1">
        <v>0.22</v>
      </c>
      <c r="BN15" s="1">
        <v>0.15</v>
      </c>
      <c r="BO15" s="1">
        <v>39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</sheetData>
  <phoneticPr fontId="18"/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94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17</v>
      </c>
      <c r="C1" s="1" t="s">
        <v>1</v>
      </c>
      <c r="D1" s="1" t="s">
        <v>918</v>
      </c>
      <c r="E1" s="1" t="s">
        <v>2</v>
      </c>
      <c r="F1" s="1" t="s">
        <v>896</v>
      </c>
      <c r="G1" s="1" t="s">
        <v>3</v>
      </c>
      <c r="H1" s="1" t="s">
        <v>91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2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5555555555555555</v>
      </c>
      <c r="C4" s="1" t="s">
        <v>885</v>
      </c>
      <c r="D4" s="1" t="s">
        <v>68</v>
      </c>
      <c r="E4" s="1" t="s">
        <v>28</v>
      </c>
      <c r="F4" s="1" t="s">
        <v>516</v>
      </c>
      <c r="G4" s="1" t="s">
        <v>327</v>
      </c>
      <c r="H4" s="1" t="s">
        <v>792</v>
      </c>
      <c r="I4" s="1" t="s">
        <v>575</v>
      </c>
      <c r="J4" s="1" t="s">
        <v>306</v>
      </c>
      <c r="K4" s="1" t="s">
        <v>702</v>
      </c>
      <c r="L4" s="1" t="s">
        <v>793</v>
      </c>
      <c r="N4" s="1" t="s">
        <v>35</v>
      </c>
      <c r="O4" s="1" t="s">
        <v>727</v>
      </c>
      <c r="P4" s="1" t="s">
        <v>56</v>
      </c>
      <c r="Q4" s="1" t="s">
        <v>57</v>
      </c>
      <c r="R4" s="1" t="s">
        <v>534</v>
      </c>
      <c r="S4" s="1" t="s">
        <v>501</v>
      </c>
      <c r="T4" s="1" t="s">
        <v>523</v>
      </c>
      <c r="U4" s="1">
        <v>7.2</v>
      </c>
      <c r="V4" s="3">
        <v>17000</v>
      </c>
      <c r="W4" s="1"/>
      <c r="X4" s="1">
        <v>4.4000000000000004</v>
      </c>
      <c r="Y4" s="1">
        <v>0.27</v>
      </c>
      <c r="Z4" s="1">
        <v>1.2E-2</v>
      </c>
      <c r="AA4" s="1"/>
      <c r="AB4" s="1"/>
      <c r="AC4" s="1" t="s">
        <v>923</v>
      </c>
      <c r="AD4" s="1" t="s">
        <v>932</v>
      </c>
      <c r="AE4" s="1" t="s">
        <v>927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30</v>
      </c>
      <c r="AM4" s="1"/>
      <c r="AN4" s="1"/>
      <c r="AO4" s="1"/>
      <c r="AP4" t="s">
        <v>930</v>
      </c>
      <c r="AQ4" s="1"/>
      <c r="AR4" s="1" t="s">
        <v>930</v>
      </c>
      <c r="AS4" s="1" t="s">
        <v>930</v>
      </c>
      <c r="AT4" s="1"/>
      <c r="AU4" s="1"/>
      <c r="AV4" s="1"/>
      <c r="AW4" s="1"/>
      <c r="AX4" s="1"/>
      <c r="AY4" s="1"/>
      <c r="AZ4" s="1">
        <v>0.1</v>
      </c>
      <c r="BA4" s="1">
        <v>0.05</v>
      </c>
      <c r="BB4" s="1">
        <v>0.24</v>
      </c>
      <c r="BC4" s="1">
        <v>2.4</v>
      </c>
      <c r="BD4" s="1">
        <v>2.6</v>
      </c>
      <c r="BE4" s="1"/>
      <c r="BF4" s="1" t="s">
        <v>927</v>
      </c>
      <c r="BG4" s="1" t="s">
        <v>924</v>
      </c>
      <c r="BH4" s="1">
        <v>0.22</v>
      </c>
      <c r="BI4" s="1">
        <v>0.16</v>
      </c>
      <c r="BJ4" s="1"/>
      <c r="BK4" s="1"/>
      <c r="BL4" s="1"/>
      <c r="BM4" s="1">
        <v>1</v>
      </c>
      <c r="BN4" s="1">
        <v>0.23</v>
      </c>
      <c r="BO4" s="1">
        <v>45</v>
      </c>
      <c r="BP4" s="1">
        <v>38</v>
      </c>
      <c r="BQ4" s="1"/>
      <c r="BR4" s="1" t="s">
        <v>946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225</v>
      </c>
      <c r="B5" s="2">
        <v>0.45</v>
      </c>
      <c r="C5" s="1" t="s">
        <v>885</v>
      </c>
      <c r="D5" s="1" t="s">
        <v>387</v>
      </c>
      <c r="E5" s="1" t="s">
        <v>28</v>
      </c>
      <c r="F5" s="1" t="s">
        <v>251</v>
      </c>
      <c r="G5" s="1" t="s">
        <v>438</v>
      </c>
      <c r="H5" s="1" t="s">
        <v>794</v>
      </c>
      <c r="I5" s="1" t="s">
        <v>795</v>
      </c>
      <c r="J5" s="1" t="s">
        <v>254</v>
      </c>
      <c r="K5" s="1" t="s">
        <v>258</v>
      </c>
      <c r="L5" s="1" t="s">
        <v>793</v>
      </c>
      <c r="N5" s="1" t="s">
        <v>35</v>
      </c>
      <c r="O5" s="1" t="s">
        <v>499</v>
      </c>
      <c r="P5" s="1" t="s">
        <v>56</v>
      </c>
      <c r="Q5" s="1" t="s">
        <v>117</v>
      </c>
      <c r="R5" s="1" t="s">
        <v>642</v>
      </c>
      <c r="S5" s="1" t="s">
        <v>743</v>
      </c>
      <c r="T5" s="1" t="s">
        <v>796</v>
      </c>
      <c r="U5" s="1">
        <v>7.3</v>
      </c>
      <c r="V5" s="3">
        <v>49000</v>
      </c>
      <c r="W5" s="1"/>
      <c r="X5" s="1">
        <v>4</v>
      </c>
      <c r="Y5" s="1">
        <v>0.32</v>
      </c>
      <c r="Z5" s="1">
        <v>0.02</v>
      </c>
      <c r="AA5" s="1"/>
      <c r="AB5" s="1"/>
      <c r="AC5" s="1" t="s">
        <v>923</v>
      </c>
      <c r="AD5" s="1" t="s">
        <v>932</v>
      </c>
      <c r="AE5" s="1" t="s">
        <v>927</v>
      </c>
      <c r="AF5" s="1" t="s">
        <v>926</v>
      </c>
      <c r="AG5" s="1" t="s">
        <v>927</v>
      </c>
      <c r="AH5" s="1" t="s">
        <v>925</v>
      </c>
      <c r="AI5" s="1"/>
      <c r="AJ5" s="1"/>
      <c r="AK5" s="1"/>
      <c r="AL5" s="1" t="s">
        <v>930</v>
      </c>
      <c r="AM5" s="1"/>
      <c r="AN5" s="1"/>
      <c r="AO5" s="1"/>
      <c r="AP5" t="s">
        <v>930</v>
      </c>
      <c r="AQ5" s="1"/>
      <c r="AR5" s="1" t="s">
        <v>930</v>
      </c>
      <c r="AS5" s="1" t="s">
        <v>930</v>
      </c>
      <c r="AT5" s="1"/>
      <c r="AU5" s="1"/>
      <c r="AV5" s="1"/>
      <c r="AW5" s="1"/>
      <c r="AX5" s="1"/>
      <c r="AY5" s="1"/>
      <c r="AZ5" s="1"/>
      <c r="BA5" s="1"/>
      <c r="BB5" s="1">
        <v>0.26</v>
      </c>
      <c r="BC5" s="1">
        <v>3</v>
      </c>
      <c r="BD5" s="1">
        <v>3.2</v>
      </c>
      <c r="BE5" s="1"/>
      <c r="BF5" s="1"/>
      <c r="BG5" s="1"/>
      <c r="BH5" s="1"/>
      <c r="BI5" s="1"/>
      <c r="BJ5" s="1"/>
      <c r="BK5" s="1"/>
      <c r="BL5" s="1"/>
      <c r="BM5" s="1">
        <v>0.54</v>
      </c>
      <c r="BN5" s="1">
        <v>0.24</v>
      </c>
      <c r="BO5" s="1">
        <v>37</v>
      </c>
      <c r="BP5" s="1">
        <v>25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87</v>
      </c>
      <c r="B6" s="2">
        <v>0.42708333333333331</v>
      </c>
      <c r="C6" s="1" t="s">
        <v>885</v>
      </c>
      <c r="D6" s="1" t="s">
        <v>153</v>
      </c>
      <c r="E6" s="1" t="s">
        <v>887</v>
      </c>
      <c r="F6" s="1" t="s">
        <v>433</v>
      </c>
      <c r="G6" s="1" t="s">
        <v>252</v>
      </c>
      <c r="H6" s="1" t="s">
        <v>797</v>
      </c>
      <c r="I6" s="1" t="s">
        <v>741</v>
      </c>
      <c r="J6" s="1" t="s">
        <v>229</v>
      </c>
      <c r="K6" s="1" t="s">
        <v>617</v>
      </c>
      <c r="L6" s="1" t="s">
        <v>793</v>
      </c>
      <c r="N6" s="1" t="s">
        <v>35</v>
      </c>
      <c r="O6" s="1" t="s">
        <v>499</v>
      </c>
      <c r="P6" s="1" t="s">
        <v>56</v>
      </c>
      <c r="Q6" s="1" t="s">
        <v>464</v>
      </c>
      <c r="R6" s="1" t="s">
        <v>723</v>
      </c>
      <c r="S6" s="1" t="s">
        <v>38</v>
      </c>
      <c r="T6" s="1" t="s">
        <v>716</v>
      </c>
      <c r="U6" s="1">
        <v>6.2</v>
      </c>
      <c r="V6" s="3">
        <v>240000</v>
      </c>
      <c r="W6" s="1"/>
      <c r="X6" s="1">
        <v>2.5</v>
      </c>
      <c r="Y6" s="1">
        <v>0.28999999999999998</v>
      </c>
      <c r="Z6" s="1">
        <v>3.1E-2</v>
      </c>
      <c r="AA6" s="1"/>
      <c r="AB6" s="1"/>
      <c r="AC6" s="1" t="s">
        <v>923</v>
      </c>
      <c r="AD6" s="1" t="s">
        <v>932</v>
      </c>
      <c r="AE6" s="1" t="s">
        <v>927</v>
      </c>
      <c r="AF6" s="1" t="s">
        <v>926</v>
      </c>
      <c r="AG6" s="1" t="s">
        <v>927</v>
      </c>
      <c r="AH6" s="1" t="s">
        <v>925</v>
      </c>
      <c r="AI6" s="1"/>
      <c r="AJ6" s="1"/>
      <c r="AK6" s="1"/>
      <c r="AL6" s="1" t="s">
        <v>930</v>
      </c>
      <c r="AM6" s="1"/>
      <c r="AN6" s="1"/>
      <c r="AO6" s="1"/>
      <c r="AP6" t="s">
        <v>930</v>
      </c>
      <c r="AQ6" s="1"/>
      <c r="AR6" s="1" t="s">
        <v>930</v>
      </c>
      <c r="AS6" s="1" t="s">
        <v>930</v>
      </c>
      <c r="AT6" s="1"/>
      <c r="AU6" s="1"/>
      <c r="AV6" s="1"/>
      <c r="AW6" s="1"/>
      <c r="AX6" s="1"/>
      <c r="AY6" s="1"/>
      <c r="AZ6" s="1">
        <v>0.09</v>
      </c>
      <c r="BA6" s="1">
        <v>0.03</v>
      </c>
      <c r="BB6" s="1">
        <v>0.11</v>
      </c>
      <c r="BC6" s="1">
        <v>1.3</v>
      </c>
      <c r="BD6" s="1">
        <v>1.4</v>
      </c>
      <c r="BE6" s="1"/>
      <c r="BF6" s="1">
        <v>1.4999999999999999E-2</v>
      </c>
      <c r="BG6" s="1" t="s">
        <v>924</v>
      </c>
      <c r="BH6" s="1">
        <v>0.28999999999999998</v>
      </c>
      <c r="BI6" s="1">
        <v>0.03</v>
      </c>
      <c r="BJ6" s="1"/>
      <c r="BK6" s="1"/>
      <c r="BL6" s="1"/>
      <c r="BM6" s="1">
        <v>0.61</v>
      </c>
      <c r="BN6" s="1">
        <v>0.22</v>
      </c>
      <c r="BO6" s="1">
        <v>30</v>
      </c>
      <c r="BP6" s="1">
        <v>27</v>
      </c>
      <c r="BQ6" s="1"/>
      <c r="BR6" s="1">
        <v>0.03</v>
      </c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84</v>
      </c>
      <c r="B7" s="2">
        <v>0.55555555555555558</v>
      </c>
      <c r="C7" s="1" t="s">
        <v>885</v>
      </c>
      <c r="D7" s="1" t="s">
        <v>27</v>
      </c>
      <c r="E7" s="1" t="s">
        <v>887</v>
      </c>
      <c r="F7" s="1" t="s">
        <v>510</v>
      </c>
      <c r="G7" s="1" t="s">
        <v>646</v>
      </c>
      <c r="H7" s="1" t="s">
        <v>798</v>
      </c>
      <c r="I7" s="1" t="s">
        <v>763</v>
      </c>
      <c r="J7" s="1" t="s">
        <v>271</v>
      </c>
      <c r="K7" s="1" t="s">
        <v>348</v>
      </c>
      <c r="L7" s="1" t="s">
        <v>793</v>
      </c>
      <c r="N7" s="1" t="s">
        <v>35</v>
      </c>
      <c r="O7" s="1" t="s">
        <v>766</v>
      </c>
      <c r="P7" s="1" t="s">
        <v>56</v>
      </c>
      <c r="Q7" s="1" t="s">
        <v>144</v>
      </c>
      <c r="R7" s="1" t="s">
        <v>75</v>
      </c>
      <c r="S7" s="1" t="s">
        <v>743</v>
      </c>
      <c r="T7" s="1" t="s">
        <v>724</v>
      </c>
      <c r="U7" s="1">
        <v>7.5</v>
      </c>
      <c r="V7" s="3">
        <v>22000</v>
      </c>
      <c r="W7" s="1"/>
      <c r="X7" s="1">
        <v>2.2000000000000002</v>
      </c>
      <c r="Y7" s="1">
        <v>0.23</v>
      </c>
      <c r="Z7" s="1">
        <v>1.2E-2</v>
      </c>
      <c r="AA7" s="1"/>
      <c r="AB7" s="1"/>
      <c r="AC7" s="1" t="s">
        <v>923</v>
      </c>
      <c r="AD7" s="1" t="s">
        <v>932</v>
      </c>
      <c r="AE7" s="1" t="s">
        <v>927</v>
      </c>
      <c r="AF7" s="1" t="s">
        <v>926</v>
      </c>
      <c r="AG7" s="1" t="s">
        <v>927</v>
      </c>
      <c r="AH7" s="1" t="s">
        <v>925</v>
      </c>
      <c r="AI7" s="1"/>
      <c r="AJ7" s="1"/>
      <c r="AK7" s="1"/>
      <c r="AL7" s="1" t="s">
        <v>930</v>
      </c>
      <c r="AM7" s="1"/>
      <c r="AN7" s="1"/>
      <c r="AO7" s="1"/>
      <c r="AP7" t="s">
        <v>930</v>
      </c>
      <c r="AQ7" s="1"/>
      <c r="AR7" s="1" t="s">
        <v>930</v>
      </c>
      <c r="AS7" s="1" t="s">
        <v>930</v>
      </c>
      <c r="AT7" s="1"/>
      <c r="AU7" s="1" t="s">
        <v>940</v>
      </c>
      <c r="AV7" s="1" t="s">
        <v>923</v>
      </c>
      <c r="AW7" s="1" t="s">
        <v>937</v>
      </c>
      <c r="AX7" s="1"/>
      <c r="AY7" s="1"/>
      <c r="AZ7" s="1"/>
      <c r="BA7" s="1"/>
      <c r="BB7" s="1">
        <v>0.1</v>
      </c>
      <c r="BC7" s="1">
        <v>1.1000000000000001</v>
      </c>
      <c r="BD7" s="1">
        <v>1.2</v>
      </c>
      <c r="BE7" s="1"/>
      <c r="BF7" s="1"/>
      <c r="BG7" s="1"/>
      <c r="BH7" s="1"/>
      <c r="BI7" s="1"/>
      <c r="BJ7" s="1"/>
      <c r="BK7" s="1"/>
      <c r="BL7" s="1"/>
      <c r="BM7" s="1">
        <v>0.32</v>
      </c>
      <c r="BN7" s="1">
        <v>0.19</v>
      </c>
      <c r="BO7" s="1">
        <v>30</v>
      </c>
      <c r="BP7" s="1">
        <v>20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44</v>
      </c>
      <c r="B8" s="2">
        <v>0.52500000000000002</v>
      </c>
      <c r="C8" s="1" t="s">
        <v>885</v>
      </c>
      <c r="D8" s="1" t="s">
        <v>27</v>
      </c>
      <c r="E8" s="1" t="s">
        <v>887</v>
      </c>
      <c r="F8" s="1" t="s">
        <v>799</v>
      </c>
      <c r="G8" s="1" t="s">
        <v>800</v>
      </c>
      <c r="H8" s="1" t="s">
        <v>801</v>
      </c>
      <c r="I8" s="1" t="s">
        <v>802</v>
      </c>
      <c r="J8" s="1" t="s">
        <v>418</v>
      </c>
      <c r="K8" s="1" t="s">
        <v>530</v>
      </c>
      <c r="L8" s="1" t="s">
        <v>793</v>
      </c>
      <c r="N8" s="1" t="s">
        <v>35</v>
      </c>
      <c r="O8" s="1" t="s">
        <v>766</v>
      </c>
      <c r="P8" s="1" t="s">
        <v>56</v>
      </c>
      <c r="Q8" s="1" t="s">
        <v>91</v>
      </c>
      <c r="R8" s="1" t="s">
        <v>698</v>
      </c>
      <c r="S8" s="1" t="s">
        <v>723</v>
      </c>
      <c r="T8" s="1" t="s">
        <v>803</v>
      </c>
      <c r="U8" s="1">
        <v>6.4</v>
      </c>
      <c r="V8" s="3">
        <v>7900000</v>
      </c>
      <c r="W8" s="1" t="s">
        <v>929</v>
      </c>
      <c r="X8" s="1">
        <v>2.2999999999999998</v>
      </c>
      <c r="Y8" s="1">
        <v>0.28000000000000003</v>
      </c>
      <c r="Z8" s="1">
        <v>1.7000000000000001E-2</v>
      </c>
      <c r="AA8" s="1" t="s">
        <v>991</v>
      </c>
      <c r="AB8" s="1" t="s">
        <v>940</v>
      </c>
      <c r="AC8" s="1" t="s">
        <v>923</v>
      </c>
      <c r="AD8" s="1" t="s">
        <v>932</v>
      </c>
      <c r="AE8" s="1" t="s">
        <v>927</v>
      </c>
      <c r="AF8" s="1" t="s">
        <v>926</v>
      </c>
      <c r="AG8" s="1" t="s">
        <v>927</v>
      </c>
      <c r="AH8" s="1" t="s">
        <v>925</v>
      </c>
      <c r="AI8" s="1"/>
      <c r="AJ8" s="1" t="s">
        <v>925</v>
      </c>
      <c r="AK8" s="1" t="s">
        <v>930</v>
      </c>
      <c r="AL8" s="1" t="s">
        <v>930</v>
      </c>
      <c r="AM8" s="1" t="s">
        <v>930</v>
      </c>
      <c r="AN8" s="1" t="s">
        <v>930</v>
      </c>
      <c r="AO8" s="1" t="s">
        <v>930</v>
      </c>
      <c r="AP8" t="s">
        <v>930</v>
      </c>
      <c r="AQ8" s="1" t="s">
        <v>930</v>
      </c>
      <c r="AR8" s="1" t="s">
        <v>930</v>
      </c>
      <c r="AS8" s="1" t="s">
        <v>930</v>
      </c>
      <c r="AT8" s="1" t="s">
        <v>939</v>
      </c>
      <c r="AU8" s="1"/>
      <c r="AV8" s="1"/>
      <c r="AW8" s="1"/>
      <c r="AX8" s="1" t="s">
        <v>930</v>
      </c>
      <c r="AY8" s="1" t="s">
        <v>937</v>
      </c>
      <c r="AZ8" s="1" t="s">
        <v>936</v>
      </c>
      <c r="BA8" s="1">
        <v>0.03</v>
      </c>
      <c r="BB8" s="1">
        <v>0.12</v>
      </c>
      <c r="BC8" s="1">
        <v>1.5</v>
      </c>
      <c r="BD8" s="1">
        <v>1.6</v>
      </c>
      <c r="BE8" s="1" t="s">
        <v>927</v>
      </c>
      <c r="BF8" s="1">
        <v>8.0000000000000002E-3</v>
      </c>
      <c r="BG8" s="1" t="s">
        <v>924</v>
      </c>
      <c r="BH8" s="1">
        <v>0.25</v>
      </c>
      <c r="BI8" s="1">
        <v>0.06</v>
      </c>
      <c r="BJ8" s="1" t="s">
        <v>926</v>
      </c>
      <c r="BK8" s="1" t="s">
        <v>940</v>
      </c>
      <c r="BL8" s="1" t="s">
        <v>947</v>
      </c>
      <c r="BM8" s="1">
        <v>0.19</v>
      </c>
      <c r="BN8" s="1">
        <v>0.14000000000000001</v>
      </c>
      <c r="BO8" s="1">
        <v>34</v>
      </c>
      <c r="BP8" s="1">
        <v>26</v>
      </c>
      <c r="BQ8" s="1"/>
      <c r="BR8" s="1" t="s">
        <v>946</v>
      </c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804</v>
      </c>
      <c r="B9" s="2">
        <v>0.51041666666666663</v>
      </c>
      <c r="C9" s="1" t="s">
        <v>885</v>
      </c>
      <c r="D9" s="1" t="s">
        <v>68</v>
      </c>
      <c r="E9" s="1" t="s">
        <v>805</v>
      </c>
      <c r="F9" s="1" t="s">
        <v>633</v>
      </c>
      <c r="G9" s="1" t="s">
        <v>442</v>
      </c>
      <c r="H9" s="1" t="s">
        <v>806</v>
      </c>
      <c r="I9" s="1" t="s">
        <v>186</v>
      </c>
      <c r="J9" s="1" t="s">
        <v>254</v>
      </c>
      <c r="K9" s="1" t="s">
        <v>310</v>
      </c>
      <c r="L9" s="1" t="s">
        <v>793</v>
      </c>
      <c r="N9" s="1" t="s">
        <v>35</v>
      </c>
      <c r="O9" s="1" t="s">
        <v>766</v>
      </c>
      <c r="P9" s="1" t="s">
        <v>56</v>
      </c>
      <c r="Q9" s="1" t="s">
        <v>144</v>
      </c>
      <c r="R9" s="1" t="s">
        <v>76</v>
      </c>
      <c r="S9" s="1" t="s">
        <v>779</v>
      </c>
      <c r="T9" s="1" t="s">
        <v>476</v>
      </c>
      <c r="U9" s="1">
        <v>6.7</v>
      </c>
      <c r="V9" s="3">
        <v>49000</v>
      </c>
      <c r="W9" s="1"/>
      <c r="X9" s="1">
        <v>2.9</v>
      </c>
      <c r="Y9" s="1">
        <v>0.21</v>
      </c>
      <c r="Z9" s="1">
        <v>1.4E-2</v>
      </c>
      <c r="AA9" s="1" t="s">
        <v>971</v>
      </c>
      <c r="AB9" s="1" t="s">
        <v>971</v>
      </c>
      <c r="AC9" s="1" t="s">
        <v>923</v>
      </c>
      <c r="AD9" s="1" t="s">
        <v>932</v>
      </c>
      <c r="AE9" s="1" t="s">
        <v>927</v>
      </c>
      <c r="AF9" s="1" t="s">
        <v>926</v>
      </c>
      <c r="AG9" s="1" t="s">
        <v>927</v>
      </c>
      <c r="AH9" s="1" t="s">
        <v>925</v>
      </c>
      <c r="AI9" s="1"/>
      <c r="AJ9" s="1"/>
      <c r="AK9" s="1"/>
      <c r="AL9" s="1" t="s">
        <v>930</v>
      </c>
      <c r="AM9" s="1"/>
      <c r="AN9" s="1"/>
      <c r="AO9" s="1"/>
      <c r="AP9" t="s">
        <v>930</v>
      </c>
      <c r="AQ9" s="1"/>
      <c r="AR9" s="1" t="s">
        <v>930</v>
      </c>
      <c r="AS9" s="1" t="s">
        <v>930</v>
      </c>
      <c r="AT9" s="1"/>
      <c r="AU9" s="1"/>
      <c r="AV9" s="1"/>
      <c r="AW9" s="1"/>
      <c r="AX9" s="1"/>
      <c r="AY9" s="1"/>
      <c r="AZ9" s="1"/>
      <c r="BA9" s="1"/>
      <c r="BB9" s="1">
        <v>0.1</v>
      </c>
      <c r="BC9" s="1">
        <v>1.3</v>
      </c>
      <c r="BD9" s="1">
        <v>1.4</v>
      </c>
      <c r="BE9" s="1" t="s">
        <v>971</v>
      </c>
      <c r="BF9" s="1"/>
      <c r="BG9" s="1"/>
      <c r="BH9" s="1"/>
      <c r="BI9" s="1"/>
      <c r="BJ9" s="1"/>
      <c r="BK9" s="1"/>
      <c r="BL9" s="1"/>
      <c r="BM9" s="1">
        <v>0.36</v>
      </c>
      <c r="BN9" s="1">
        <v>0.14000000000000001</v>
      </c>
      <c r="BO9" s="1">
        <v>33</v>
      </c>
      <c r="BP9" s="1">
        <v>29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07</v>
      </c>
      <c r="B10" s="2">
        <v>0.72083333333333333</v>
      </c>
      <c r="C10" s="1" t="s">
        <v>885</v>
      </c>
      <c r="D10" s="1" t="s">
        <v>27</v>
      </c>
      <c r="E10" s="1" t="s">
        <v>887</v>
      </c>
      <c r="F10" s="1" t="s">
        <v>77</v>
      </c>
      <c r="G10" s="1" t="s">
        <v>388</v>
      </c>
      <c r="H10" s="1" t="s">
        <v>808</v>
      </c>
      <c r="I10" s="1" t="s">
        <v>809</v>
      </c>
      <c r="J10" s="1" t="s">
        <v>306</v>
      </c>
      <c r="K10" s="1" t="s">
        <v>715</v>
      </c>
      <c r="L10" s="1" t="s">
        <v>793</v>
      </c>
      <c r="N10" s="1" t="s">
        <v>35</v>
      </c>
      <c r="O10" s="1" t="s">
        <v>766</v>
      </c>
      <c r="P10" s="1" t="s">
        <v>56</v>
      </c>
      <c r="Q10" s="1" t="s">
        <v>108</v>
      </c>
      <c r="R10" s="1" t="s">
        <v>416</v>
      </c>
      <c r="S10" s="1" t="s">
        <v>419</v>
      </c>
      <c r="T10" s="1" t="s">
        <v>810</v>
      </c>
      <c r="U10" s="1">
        <v>6.2</v>
      </c>
      <c r="V10" s="3">
        <v>79000</v>
      </c>
      <c r="W10" s="1"/>
      <c r="X10" s="1">
        <v>4.7</v>
      </c>
      <c r="Y10" s="1">
        <v>0.2</v>
      </c>
      <c r="Z10" s="1">
        <v>1.7999999999999999E-2</v>
      </c>
      <c r="AA10" s="1" t="s">
        <v>971</v>
      </c>
      <c r="AB10" s="1" t="s">
        <v>971</v>
      </c>
      <c r="AC10" s="1" t="s">
        <v>923</v>
      </c>
      <c r="AD10" s="1" t="s">
        <v>932</v>
      </c>
      <c r="AE10" s="1" t="s">
        <v>927</v>
      </c>
      <c r="AF10" s="1" t="s">
        <v>926</v>
      </c>
      <c r="AG10" s="1" t="s">
        <v>927</v>
      </c>
      <c r="AH10" s="1" t="s">
        <v>925</v>
      </c>
      <c r="AI10" s="1"/>
      <c r="AJ10" s="1"/>
      <c r="AK10" s="1"/>
      <c r="AL10" s="1" t="s">
        <v>930</v>
      </c>
      <c r="AM10" s="1"/>
      <c r="AN10" s="1"/>
      <c r="AO10" s="1"/>
      <c r="AP10" t="s">
        <v>930</v>
      </c>
      <c r="AQ10" s="1"/>
      <c r="AR10" s="1" t="s">
        <v>930</v>
      </c>
      <c r="AS10" s="1" t="s">
        <v>930</v>
      </c>
      <c r="AT10" s="1"/>
      <c r="AU10" s="1"/>
      <c r="AV10" s="1"/>
      <c r="AW10" s="1"/>
      <c r="AX10" s="1"/>
      <c r="AY10" s="1"/>
      <c r="AZ10" s="1">
        <v>0.11</v>
      </c>
      <c r="BA10" s="1">
        <v>0.04</v>
      </c>
      <c r="BB10" s="1" t="s">
        <v>938</v>
      </c>
      <c r="BC10" s="1">
        <v>3.7</v>
      </c>
      <c r="BD10" s="1">
        <v>3.7</v>
      </c>
      <c r="BE10" s="1" t="s">
        <v>971</v>
      </c>
      <c r="BF10" s="1" t="s">
        <v>927</v>
      </c>
      <c r="BG10" s="1" t="s">
        <v>924</v>
      </c>
      <c r="BH10" s="1">
        <v>0.14000000000000001</v>
      </c>
      <c r="BI10" s="1">
        <v>7.0000000000000007E-2</v>
      </c>
      <c r="BJ10" s="1"/>
      <c r="BK10" s="1"/>
      <c r="BL10" s="1"/>
      <c r="BM10" s="1">
        <v>0.49</v>
      </c>
      <c r="BN10" s="1">
        <v>0.17</v>
      </c>
      <c r="BO10" s="1">
        <v>44</v>
      </c>
      <c r="BP10" s="1">
        <v>33</v>
      </c>
      <c r="BQ10" s="1"/>
      <c r="BR10" s="1" t="s">
        <v>946</v>
      </c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413</v>
      </c>
      <c r="B11" s="2">
        <v>0.38194444444444442</v>
      </c>
      <c r="C11" s="1" t="s">
        <v>885</v>
      </c>
      <c r="D11" s="1" t="s">
        <v>27</v>
      </c>
      <c r="E11" s="1" t="s">
        <v>805</v>
      </c>
      <c r="F11" s="1" t="s">
        <v>540</v>
      </c>
      <c r="G11" s="1" t="s">
        <v>214</v>
      </c>
      <c r="H11" s="1" t="s">
        <v>811</v>
      </c>
      <c r="I11" s="1" t="s">
        <v>329</v>
      </c>
      <c r="J11" s="1" t="s">
        <v>212</v>
      </c>
      <c r="K11" s="1" t="s">
        <v>174</v>
      </c>
      <c r="L11" s="1" t="s">
        <v>793</v>
      </c>
      <c r="N11" s="1" t="s">
        <v>35</v>
      </c>
      <c r="O11" s="1" t="s">
        <v>766</v>
      </c>
      <c r="P11" s="1" t="s">
        <v>56</v>
      </c>
      <c r="Q11" s="1" t="s">
        <v>38</v>
      </c>
      <c r="R11" s="1" t="s">
        <v>812</v>
      </c>
      <c r="S11" s="1" t="s">
        <v>784</v>
      </c>
      <c r="T11" s="1" t="s">
        <v>813</v>
      </c>
      <c r="U11" s="1">
        <v>5.7</v>
      </c>
      <c r="V11" s="3">
        <v>24000</v>
      </c>
      <c r="W11" s="1"/>
      <c r="X11" s="1">
        <v>2.5</v>
      </c>
      <c r="Y11" s="1">
        <v>0.24</v>
      </c>
      <c r="Z11" s="1">
        <v>1.7000000000000001E-2</v>
      </c>
      <c r="AA11" s="1" t="s">
        <v>971</v>
      </c>
      <c r="AB11" s="1" t="s">
        <v>971</v>
      </c>
      <c r="AC11" s="1" t="s">
        <v>923</v>
      </c>
      <c r="AD11" s="1" t="s">
        <v>932</v>
      </c>
      <c r="AE11" s="1" t="s">
        <v>927</v>
      </c>
      <c r="AF11" s="1" t="s">
        <v>926</v>
      </c>
      <c r="AG11" s="1" t="s">
        <v>927</v>
      </c>
      <c r="AH11" s="1" t="s">
        <v>925</v>
      </c>
      <c r="AI11" s="1"/>
      <c r="AJ11" s="1"/>
      <c r="AK11" s="1"/>
      <c r="AL11" s="1" t="s">
        <v>930</v>
      </c>
      <c r="AM11" s="1"/>
      <c r="AN11" s="1"/>
      <c r="AO11" s="1"/>
      <c r="AP11" t="s">
        <v>930</v>
      </c>
      <c r="AQ11" s="1"/>
      <c r="AR11" s="1" t="s">
        <v>930</v>
      </c>
      <c r="AS11" s="1" t="s">
        <v>930</v>
      </c>
      <c r="AT11" s="1"/>
      <c r="AU11" s="1"/>
      <c r="AV11" s="1"/>
      <c r="AW11" s="1"/>
      <c r="AX11" s="1"/>
      <c r="AY11" s="1"/>
      <c r="AZ11" s="1"/>
      <c r="BA11" s="1"/>
      <c r="BB11" s="1">
        <v>0.09</v>
      </c>
      <c r="BC11" s="1">
        <v>1.5</v>
      </c>
      <c r="BD11" s="1">
        <v>1.6</v>
      </c>
      <c r="BE11" s="1" t="s">
        <v>971</v>
      </c>
      <c r="BF11" s="1"/>
      <c r="BG11" s="1"/>
      <c r="BH11" s="1"/>
      <c r="BI11" s="1"/>
      <c r="BJ11" s="1"/>
      <c r="BK11" s="1"/>
      <c r="BL11" s="1"/>
      <c r="BM11" s="1">
        <v>0.52</v>
      </c>
      <c r="BN11" s="1">
        <v>0.2</v>
      </c>
      <c r="BO11" s="1">
        <v>95</v>
      </c>
      <c r="BP11" s="1">
        <v>13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61</v>
      </c>
      <c r="B12" s="2">
        <v>0.36458333333333331</v>
      </c>
      <c r="C12" s="1" t="s">
        <v>885</v>
      </c>
      <c r="D12" s="1" t="s">
        <v>68</v>
      </c>
      <c r="E12" s="1" t="s">
        <v>886</v>
      </c>
      <c r="F12" s="1" t="s">
        <v>227</v>
      </c>
      <c r="G12" s="1" t="s">
        <v>417</v>
      </c>
      <c r="H12" s="1" t="s">
        <v>814</v>
      </c>
      <c r="I12" s="1" t="s">
        <v>88</v>
      </c>
      <c r="J12" s="1" t="s">
        <v>306</v>
      </c>
      <c r="K12" s="1" t="s">
        <v>280</v>
      </c>
      <c r="L12" s="1" t="s">
        <v>815</v>
      </c>
      <c r="N12" s="1" t="s">
        <v>35</v>
      </c>
      <c r="O12" s="1" t="s">
        <v>766</v>
      </c>
      <c r="P12" s="1" t="s">
        <v>56</v>
      </c>
      <c r="Q12" s="1" t="s">
        <v>99</v>
      </c>
      <c r="R12" s="1" t="s">
        <v>816</v>
      </c>
      <c r="S12" s="1" t="s">
        <v>198</v>
      </c>
      <c r="T12" s="1" t="s">
        <v>817</v>
      </c>
      <c r="U12" s="1">
        <v>4.5</v>
      </c>
      <c r="V12" s="3">
        <v>70000</v>
      </c>
      <c r="W12" s="1"/>
      <c r="X12" s="1">
        <v>3.6</v>
      </c>
      <c r="Y12" s="1">
        <v>0.35</v>
      </c>
      <c r="Z12" s="1">
        <v>2.8000000000000001E-2</v>
      </c>
      <c r="AA12" s="1" t="s">
        <v>971</v>
      </c>
      <c r="AB12" s="1" t="s">
        <v>971</v>
      </c>
      <c r="AC12" s="1" t="s">
        <v>923</v>
      </c>
      <c r="AD12" s="1" t="s">
        <v>932</v>
      </c>
      <c r="AE12" s="1" t="s">
        <v>927</v>
      </c>
      <c r="AF12" s="1" t="s">
        <v>926</v>
      </c>
      <c r="AG12" s="1" t="s">
        <v>927</v>
      </c>
      <c r="AH12" s="1" t="s">
        <v>925</v>
      </c>
      <c r="AI12" s="1"/>
      <c r="AJ12" s="1"/>
      <c r="AK12" s="1"/>
      <c r="AL12" s="1" t="s">
        <v>930</v>
      </c>
      <c r="AM12" s="1"/>
      <c r="AN12" s="1"/>
      <c r="AO12" s="1"/>
      <c r="AP12" t="s">
        <v>930</v>
      </c>
      <c r="AQ12" s="1"/>
      <c r="AR12" s="1" t="s">
        <v>930</v>
      </c>
      <c r="AS12" s="1" t="s">
        <v>930</v>
      </c>
      <c r="AT12" s="1"/>
      <c r="AU12" s="1"/>
      <c r="AV12" s="1"/>
      <c r="AW12" s="1"/>
      <c r="AX12" s="1"/>
      <c r="AY12" s="1"/>
      <c r="AZ12" s="1">
        <v>0.1</v>
      </c>
      <c r="BA12" s="1">
        <v>0.03</v>
      </c>
      <c r="BB12" s="1">
        <v>0.14000000000000001</v>
      </c>
      <c r="BC12" s="1">
        <v>1.7</v>
      </c>
      <c r="BD12" s="1">
        <v>1.8</v>
      </c>
      <c r="BE12" s="1" t="s">
        <v>971</v>
      </c>
      <c r="BF12" s="1" t="s">
        <v>927</v>
      </c>
      <c r="BG12" s="1" t="s">
        <v>924</v>
      </c>
      <c r="BH12" s="1">
        <v>0.12</v>
      </c>
      <c r="BI12" s="1" t="s">
        <v>924</v>
      </c>
      <c r="BJ12" s="1"/>
      <c r="BK12" s="1"/>
      <c r="BL12" s="1"/>
      <c r="BM12" s="1">
        <v>1.2</v>
      </c>
      <c r="BN12" s="1">
        <v>0.22</v>
      </c>
      <c r="BO12" s="1">
        <v>29</v>
      </c>
      <c r="BP12" s="1">
        <v>30</v>
      </c>
      <c r="BQ12" s="1"/>
      <c r="BR12" s="1" t="s">
        <v>946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71</v>
      </c>
      <c r="B13" s="2">
        <v>0.53263888888888888</v>
      </c>
      <c r="C13" s="1" t="s">
        <v>885</v>
      </c>
      <c r="D13" s="1" t="s">
        <v>68</v>
      </c>
      <c r="E13" s="1" t="s">
        <v>28</v>
      </c>
      <c r="F13" s="1" t="s">
        <v>369</v>
      </c>
      <c r="G13" s="1" t="s">
        <v>644</v>
      </c>
      <c r="H13" s="1" t="s">
        <v>818</v>
      </c>
      <c r="I13" s="1" t="s">
        <v>565</v>
      </c>
      <c r="J13" s="1" t="s">
        <v>312</v>
      </c>
      <c r="K13" s="1" t="s">
        <v>482</v>
      </c>
      <c r="L13" s="1" t="s">
        <v>533</v>
      </c>
      <c r="N13" s="1" t="s">
        <v>35</v>
      </c>
      <c r="O13" s="1" t="s">
        <v>766</v>
      </c>
      <c r="P13" s="1" t="s">
        <v>56</v>
      </c>
      <c r="Q13" s="1" t="s">
        <v>38</v>
      </c>
      <c r="R13" s="1" t="s">
        <v>83</v>
      </c>
      <c r="S13" s="1" t="s">
        <v>486</v>
      </c>
      <c r="T13" s="1" t="s">
        <v>758</v>
      </c>
      <c r="U13" s="1">
        <v>9.6999999999999993</v>
      </c>
      <c r="V13" s="3">
        <v>70000</v>
      </c>
      <c r="W13" s="1"/>
      <c r="X13" s="1">
        <v>4.4000000000000004</v>
      </c>
      <c r="Y13" s="1">
        <v>0.39</v>
      </c>
      <c r="Z13" s="1">
        <v>2.5999999999999999E-2</v>
      </c>
      <c r="AA13" s="1" t="s">
        <v>971</v>
      </c>
      <c r="AB13" s="1" t="s">
        <v>971</v>
      </c>
      <c r="AC13" s="1">
        <v>5.9999999999999995E-4</v>
      </c>
      <c r="AD13" s="1" t="s">
        <v>932</v>
      </c>
      <c r="AE13" s="1" t="s">
        <v>927</v>
      </c>
      <c r="AF13" s="1" t="s">
        <v>926</v>
      </c>
      <c r="AG13" s="1" t="s">
        <v>927</v>
      </c>
      <c r="AH13" s="1" t="s">
        <v>925</v>
      </c>
      <c r="AI13" s="1"/>
      <c r="AJ13" s="1"/>
      <c r="AK13" s="1"/>
      <c r="AL13" s="1" t="s">
        <v>930</v>
      </c>
      <c r="AM13" s="1"/>
      <c r="AN13" s="1"/>
      <c r="AO13" s="1"/>
      <c r="AP13" t="s">
        <v>930</v>
      </c>
      <c r="AQ13" s="1"/>
      <c r="AR13" s="1" t="s">
        <v>930</v>
      </c>
      <c r="AS13" s="1" t="s">
        <v>930</v>
      </c>
      <c r="AT13" s="1"/>
      <c r="AU13" s="1"/>
      <c r="AV13" s="1"/>
      <c r="AW13" s="1"/>
      <c r="AX13" s="1"/>
      <c r="AY13" s="1"/>
      <c r="AZ13" s="1"/>
      <c r="BA13" s="1"/>
      <c r="BB13" s="1" t="s">
        <v>938</v>
      </c>
      <c r="BC13" s="1">
        <v>1.9</v>
      </c>
      <c r="BD13" s="1">
        <v>1.9</v>
      </c>
      <c r="BE13" s="1" t="s">
        <v>971</v>
      </c>
      <c r="BF13" s="1"/>
      <c r="BG13" s="1"/>
      <c r="BH13" s="1"/>
      <c r="BI13" s="1"/>
      <c r="BJ13" s="1"/>
      <c r="BK13" s="1"/>
      <c r="BL13" s="1"/>
      <c r="BM13" s="1">
        <v>1.2</v>
      </c>
      <c r="BN13" s="1">
        <v>0.39</v>
      </c>
      <c r="BO13" s="1">
        <v>560</v>
      </c>
      <c r="BP13" s="1">
        <v>1700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819</v>
      </c>
      <c r="B14" s="2">
        <v>0.48194444444444445</v>
      </c>
      <c r="C14" s="1" t="s">
        <v>885</v>
      </c>
      <c r="D14" s="1" t="s">
        <v>153</v>
      </c>
      <c r="E14" s="1" t="s">
        <v>28</v>
      </c>
      <c r="F14" s="1" t="s">
        <v>464</v>
      </c>
      <c r="G14" s="1" t="s">
        <v>645</v>
      </c>
      <c r="H14" s="1" t="s">
        <v>820</v>
      </c>
      <c r="I14" s="1" t="s">
        <v>821</v>
      </c>
      <c r="J14" s="1" t="s">
        <v>242</v>
      </c>
      <c r="K14" s="1" t="s">
        <v>113</v>
      </c>
      <c r="L14" s="1" t="s">
        <v>822</v>
      </c>
      <c r="N14" s="1" t="s">
        <v>35</v>
      </c>
      <c r="O14" s="1" t="s">
        <v>766</v>
      </c>
      <c r="P14" s="1" t="s">
        <v>56</v>
      </c>
      <c r="Q14" s="1" t="s">
        <v>144</v>
      </c>
      <c r="R14" s="1" t="s">
        <v>151</v>
      </c>
      <c r="S14" s="1" t="s">
        <v>823</v>
      </c>
      <c r="T14" s="1" t="s">
        <v>824</v>
      </c>
      <c r="U14" s="1">
        <v>8.4</v>
      </c>
      <c r="V14" s="3">
        <v>330000</v>
      </c>
      <c r="W14" s="1" t="s">
        <v>929</v>
      </c>
      <c r="X14" s="1">
        <v>5.4</v>
      </c>
      <c r="Y14" s="1">
        <v>1.2</v>
      </c>
      <c r="Z14" s="1">
        <v>0.12</v>
      </c>
      <c r="AA14" s="1" t="s">
        <v>973</v>
      </c>
      <c r="AB14" s="1" t="s">
        <v>992</v>
      </c>
      <c r="AC14" s="1">
        <v>5.0000000000000001E-4</v>
      </c>
      <c r="AD14" s="1" t="s">
        <v>932</v>
      </c>
      <c r="AE14" s="1">
        <v>8.9999999999999993E-3</v>
      </c>
      <c r="AF14" s="1" t="s">
        <v>926</v>
      </c>
      <c r="AG14" s="1" t="s">
        <v>927</v>
      </c>
      <c r="AH14" s="1" t="s">
        <v>925</v>
      </c>
      <c r="AI14" s="1"/>
      <c r="AJ14" s="1" t="s">
        <v>925</v>
      </c>
      <c r="AK14" s="1" t="s">
        <v>930</v>
      </c>
      <c r="AL14" s="1" t="s">
        <v>930</v>
      </c>
      <c r="AM14" s="1" t="s">
        <v>930</v>
      </c>
      <c r="AN14" s="1" t="s">
        <v>930</v>
      </c>
      <c r="AO14" s="1">
        <v>4.0000000000000002E-4</v>
      </c>
      <c r="AP14" t="s">
        <v>930</v>
      </c>
      <c r="AQ14" s="1" t="s">
        <v>930</v>
      </c>
      <c r="AR14" s="1" t="s">
        <v>930</v>
      </c>
      <c r="AS14" s="1" t="s">
        <v>930</v>
      </c>
      <c r="AT14" s="1" t="s">
        <v>939</v>
      </c>
      <c r="AU14" s="1"/>
      <c r="AV14" s="1"/>
      <c r="AW14" s="1"/>
      <c r="AX14" s="1" t="s">
        <v>930</v>
      </c>
      <c r="AY14" s="1" t="s">
        <v>937</v>
      </c>
      <c r="AZ14" s="1" t="s">
        <v>936</v>
      </c>
      <c r="BA14" s="1">
        <v>0.04</v>
      </c>
      <c r="BB14" s="1">
        <v>0.06</v>
      </c>
      <c r="BC14" s="1">
        <v>1.2</v>
      </c>
      <c r="BD14" s="1">
        <v>1.2</v>
      </c>
      <c r="BE14" s="1" t="s">
        <v>927</v>
      </c>
      <c r="BF14" s="1">
        <v>8.0000000000000002E-3</v>
      </c>
      <c r="BG14" s="1">
        <v>0.03</v>
      </c>
      <c r="BH14" s="1">
        <v>0.28999999999999998</v>
      </c>
      <c r="BI14" s="1">
        <v>0.12</v>
      </c>
      <c r="BJ14" s="1" t="s">
        <v>926</v>
      </c>
      <c r="BK14" s="1" t="s">
        <v>940</v>
      </c>
      <c r="BL14" s="1" t="s">
        <v>947</v>
      </c>
      <c r="BM14" s="1">
        <v>1.7</v>
      </c>
      <c r="BN14" s="1">
        <v>0.53</v>
      </c>
      <c r="BO14" s="1">
        <v>49</v>
      </c>
      <c r="BP14" s="1">
        <v>92</v>
      </c>
      <c r="BQ14" s="1"/>
      <c r="BR14" s="1">
        <v>0.08</v>
      </c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97</v>
      </c>
      <c r="B15" s="2">
        <v>0.44791666666666669</v>
      </c>
      <c r="C15" s="1" t="s">
        <v>885</v>
      </c>
      <c r="D15" s="1" t="s">
        <v>68</v>
      </c>
      <c r="E15" s="1" t="s">
        <v>28</v>
      </c>
      <c r="F15" s="1" t="s">
        <v>210</v>
      </c>
      <c r="G15" s="1" t="s">
        <v>155</v>
      </c>
      <c r="H15" s="1" t="s">
        <v>825</v>
      </c>
      <c r="I15" s="1" t="s">
        <v>496</v>
      </c>
      <c r="J15" s="1" t="s">
        <v>254</v>
      </c>
      <c r="K15" s="1" t="s">
        <v>221</v>
      </c>
      <c r="L15" s="1" t="s">
        <v>793</v>
      </c>
      <c r="N15" s="1" t="s">
        <v>35</v>
      </c>
      <c r="O15" s="1" t="s">
        <v>766</v>
      </c>
      <c r="P15" s="1" t="s">
        <v>56</v>
      </c>
      <c r="Q15" s="1" t="s">
        <v>38</v>
      </c>
      <c r="R15" s="1" t="s">
        <v>357</v>
      </c>
      <c r="S15" s="1" t="s">
        <v>464</v>
      </c>
      <c r="T15" s="1" t="s">
        <v>826</v>
      </c>
      <c r="U15" s="1">
        <v>6.8</v>
      </c>
      <c r="V15" s="3">
        <v>13000</v>
      </c>
      <c r="W15" s="1"/>
      <c r="X15" s="1">
        <v>3.6</v>
      </c>
      <c r="Y15" s="1">
        <v>0.36</v>
      </c>
      <c r="Z15" s="1">
        <v>0.02</v>
      </c>
      <c r="AA15" s="1"/>
      <c r="AB15" s="1"/>
      <c r="AC15" s="1" t="s">
        <v>923</v>
      </c>
      <c r="AD15" s="1" t="s">
        <v>932</v>
      </c>
      <c r="AE15" s="1" t="s">
        <v>927</v>
      </c>
      <c r="AF15" s="1" t="s">
        <v>926</v>
      </c>
      <c r="AG15" s="1" t="s">
        <v>927</v>
      </c>
      <c r="AH15" s="1" t="s">
        <v>925</v>
      </c>
      <c r="AI15" s="1"/>
      <c r="AJ15" s="1"/>
      <c r="AK15" s="1"/>
      <c r="AL15" s="1" t="s">
        <v>930</v>
      </c>
      <c r="AM15" s="1"/>
      <c r="AN15" s="1"/>
      <c r="AO15" s="1"/>
      <c r="AP15" t="s">
        <v>930</v>
      </c>
      <c r="AQ15" s="1"/>
      <c r="AR15" s="1" t="s">
        <v>930</v>
      </c>
      <c r="AS15" s="1" t="s">
        <v>930</v>
      </c>
      <c r="AT15" s="1"/>
      <c r="AU15" s="1" t="s">
        <v>940</v>
      </c>
      <c r="AV15" s="1" t="s">
        <v>923</v>
      </c>
      <c r="AW15" s="1" t="s">
        <v>937</v>
      </c>
      <c r="AX15" s="1"/>
      <c r="AY15" s="1"/>
      <c r="AZ15" s="1"/>
      <c r="BA15" s="1"/>
      <c r="BB15" s="1">
        <v>0.14000000000000001</v>
      </c>
      <c r="BC15" s="1">
        <v>1.5</v>
      </c>
      <c r="BD15" s="1">
        <v>1.6</v>
      </c>
      <c r="BE15" s="1"/>
      <c r="BF15" s="1"/>
      <c r="BG15" s="1"/>
      <c r="BH15" s="1"/>
      <c r="BI15" s="1"/>
      <c r="BJ15" s="1"/>
      <c r="BK15" s="1"/>
      <c r="BL15" s="1"/>
      <c r="BM15" s="1">
        <v>0.92</v>
      </c>
      <c r="BN15" s="1">
        <v>0.28000000000000003</v>
      </c>
      <c r="BO15" s="1">
        <v>120</v>
      </c>
      <c r="BP15" s="1">
        <v>270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8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4</v>
      </c>
      <c r="C1" s="1" t="s">
        <v>1</v>
      </c>
      <c r="D1" s="1" t="s">
        <v>889</v>
      </c>
      <c r="E1" s="1" t="s">
        <v>2</v>
      </c>
      <c r="F1" s="1" t="s">
        <v>876</v>
      </c>
      <c r="G1" s="1" t="s">
        <v>3</v>
      </c>
      <c r="H1" s="1" t="s">
        <v>89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2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62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666666666666669</v>
      </c>
      <c r="C4" s="1" t="s">
        <v>885</v>
      </c>
      <c r="D4" s="1" t="s">
        <v>68</v>
      </c>
      <c r="E4" s="1" t="s">
        <v>28</v>
      </c>
      <c r="F4" s="1" t="s">
        <v>209</v>
      </c>
      <c r="G4" s="1" t="s">
        <v>210</v>
      </c>
      <c r="H4" s="1" t="s">
        <v>142</v>
      </c>
      <c r="I4" s="1" t="s">
        <v>211</v>
      </c>
      <c r="J4" s="1" t="s">
        <v>212</v>
      </c>
      <c r="K4" s="1" t="s">
        <v>213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99</v>
      </c>
      <c r="R4" s="1" t="s">
        <v>109</v>
      </c>
      <c r="S4" s="1" t="s">
        <v>75</v>
      </c>
      <c r="T4" s="1" t="s">
        <v>59</v>
      </c>
      <c r="U4" s="1">
        <v>11.2</v>
      </c>
      <c r="V4" s="3">
        <v>33</v>
      </c>
      <c r="W4" s="1"/>
      <c r="X4" s="1">
        <v>0.95</v>
      </c>
      <c r="Y4" s="1">
        <v>3.3000000000000002E-2</v>
      </c>
      <c r="Z4" s="1">
        <v>2E-3</v>
      </c>
      <c r="AA4" s="1" t="s">
        <v>970</v>
      </c>
      <c r="AB4" s="1" t="s">
        <v>940</v>
      </c>
      <c r="AC4" s="1" t="s">
        <v>923</v>
      </c>
      <c r="AD4" s="1" t="s">
        <v>924</v>
      </c>
      <c r="AE4" s="1" t="s">
        <v>927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30</v>
      </c>
      <c r="AM4" s="1"/>
      <c r="AN4" s="1"/>
      <c r="AO4" s="1"/>
      <c r="AP4" t="s">
        <v>930</v>
      </c>
      <c r="AQ4" s="1"/>
      <c r="AR4" s="1" t="s">
        <v>930</v>
      </c>
      <c r="AS4" s="1" t="s">
        <v>930</v>
      </c>
      <c r="AT4" s="1"/>
      <c r="AU4" s="1"/>
      <c r="AV4" s="1"/>
      <c r="AW4" s="1"/>
      <c r="AX4" s="1"/>
      <c r="AY4" s="1"/>
      <c r="AZ4" s="1" t="s">
        <v>938</v>
      </c>
      <c r="BA4" s="1" t="s">
        <v>926</v>
      </c>
      <c r="BB4" s="1" t="s">
        <v>938</v>
      </c>
      <c r="BC4" s="1">
        <v>0.9</v>
      </c>
      <c r="BD4" s="1">
        <v>0.95</v>
      </c>
      <c r="BE4" s="1"/>
      <c r="BF4" s="1" t="s">
        <v>927</v>
      </c>
      <c r="BG4" s="1" t="s">
        <v>927</v>
      </c>
      <c r="BH4" s="1" t="s">
        <v>926</v>
      </c>
      <c r="BI4" s="1" t="s">
        <v>924</v>
      </c>
      <c r="BJ4" s="1"/>
      <c r="BK4" s="1"/>
      <c r="BL4" s="1"/>
      <c r="BM4" s="1" t="s">
        <v>945</v>
      </c>
      <c r="BN4" s="1">
        <v>1.7999999999999999E-2</v>
      </c>
      <c r="BO4" s="1">
        <v>13</v>
      </c>
      <c r="BP4" s="1">
        <v>4.5</v>
      </c>
      <c r="BQ4" s="1"/>
      <c r="BR4" s="1" t="s">
        <v>946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5</v>
      </c>
      <c r="C5" s="1" t="s">
        <v>885</v>
      </c>
      <c r="D5" s="1" t="s">
        <v>68</v>
      </c>
      <c r="E5" s="1" t="s">
        <v>28</v>
      </c>
      <c r="F5" s="1" t="s">
        <v>214</v>
      </c>
      <c r="G5" s="1" t="s">
        <v>162</v>
      </c>
      <c r="H5" s="1" t="s">
        <v>215</v>
      </c>
      <c r="I5" s="1" t="s">
        <v>216</v>
      </c>
      <c r="J5" s="1" t="s">
        <v>217</v>
      </c>
      <c r="K5" s="1" t="s">
        <v>218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99</v>
      </c>
      <c r="R5" s="1" t="s">
        <v>118</v>
      </c>
      <c r="S5" s="1" t="s">
        <v>189</v>
      </c>
      <c r="T5" s="1" t="s">
        <v>110</v>
      </c>
      <c r="U5" s="1">
        <v>10.7</v>
      </c>
      <c r="V5" s="1"/>
      <c r="W5" s="1"/>
      <c r="X5" s="1"/>
      <c r="Y5" s="1"/>
      <c r="Z5" s="1"/>
      <c r="AA5" s="1" t="s">
        <v>971</v>
      </c>
      <c r="AB5" s="1" t="s">
        <v>971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3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19</v>
      </c>
      <c r="B6" s="2">
        <v>8.3333333333333329E-2</v>
      </c>
      <c r="C6" s="1" t="s">
        <v>885</v>
      </c>
      <c r="D6" s="1" t="s">
        <v>68</v>
      </c>
      <c r="E6" s="1" t="s">
        <v>28</v>
      </c>
      <c r="F6" s="1" t="s">
        <v>220</v>
      </c>
      <c r="G6" s="1" t="s">
        <v>167</v>
      </c>
      <c r="H6" s="1" t="s">
        <v>221</v>
      </c>
      <c r="I6" s="1" t="s">
        <v>222</v>
      </c>
      <c r="J6" s="1" t="s">
        <v>223</v>
      </c>
      <c r="K6" s="1" t="s">
        <v>224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144</v>
      </c>
      <c r="R6" s="1" t="s">
        <v>159</v>
      </c>
      <c r="S6" s="1" t="s">
        <v>189</v>
      </c>
      <c r="T6" s="1" t="s">
        <v>59</v>
      </c>
      <c r="U6" s="1">
        <v>10.4</v>
      </c>
      <c r="V6" s="1"/>
      <c r="W6" s="1"/>
      <c r="X6" s="1"/>
      <c r="Y6" s="1"/>
      <c r="Z6" s="1"/>
      <c r="AA6" s="1" t="s">
        <v>971</v>
      </c>
      <c r="AB6" s="1" t="s">
        <v>971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3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25</v>
      </c>
      <c r="B7" s="2">
        <v>0.41666666666666669</v>
      </c>
      <c r="C7" s="1" t="s">
        <v>885</v>
      </c>
      <c r="D7" s="1" t="s">
        <v>27</v>
      </c>
      <c r="E7" s="1" t="s">
        <v>28</v>
      </c>
      <c r="F7" s="1" t="s">
        <v>226</v>
      </c>
      <c r="G7" s="1" t="s">
        <v>227</v>
      </c>
      <c r="H7" s="1" t="s">
        <v>104</v>
      </c>
      <c r="I7" s="1" t="s">
        <v>228</v>
      </c>
      <c r="J7" s="1" t="s">
        <v>229</v>
      </c>
      <c r="K7" s="1" t="s">
        <v>230</v>
      </c>
      <c r="L7" s="1" t="s">
        <v>231</v>
      </c>
      <c r="N7" s="1" t="s">
        <v>232</v>
      </c>
      <c r="O7" s="1" t="s">
        <v>233</v>
      </c>
      <c r="P7" s="1" t="s">
        <v>56</v>
      </c>
      <c r="Q7" s="1" t="s">
        <v>178</v>
      </c>
      <c r="R7" s="1" t="s">
        <v>109</v>
      </c>
      <c r="S7" s="1" t="s">
        <v>160</v>
      </c>
      <c r="T7" s="1" t="s">
        <v>145</v>
      </c>
      <c r="U7" s="1">
        <v>11.9</v>
      </c>
      <c r="V7" s="3">
        <v>330</v>
      </c>
      <c r="W7" s="1"/>
      <c r="X7" s="1">
        <v>0.82</v>
      </c>
      <c r="Y7" s="1">
        <v>5.7000000000000002E-2</v>
      </c>
      <c r="Z7" s="1" t="s">
        <v>931</v>
      </c>
      <c r="AA7" s="1" t="s">
        <v>971</v>
      </c>
      <c r="AB7" s="1" t="s">
        <v>97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938</v>
      </c>
      <c r="BC7" s="1">
        <v>0.71</v>
      </c>
      <c r="BD7" s="1">
        <v>0.76</v>
      </c>
      <c r="BE7" s="1"/>
      <c r="BF7" s="1"/>
      <c r="BG7" s="1"/>
      <c r="BH7" s="1"/>
      <c r="BI7" s="1"/>
      <c r="BJ7" s="1"/>
      <c r="BK7" s="1"/>
      <c r="BL7" s="1"/>
      <c r="BM7" s="1" t="s">
        <v>945</v>
      </c>
      <c r="BN7" s="1">
        <v>0.03</v>
      </c>
      <c r="BO7" s="1">
        <v>13</v>
      </c>
      <c r="BP7" s="1">
        <v>3.7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75</v>
      </c>
      <c r="C8" s="1" t="s">
        <v>885</v>
      </c>
      <c r="D8" s="1" t="s">
        <v>27</v>
      </c>
      <c r="E8" s="1" t="s">
        <v>28</v>
      </c>
      <c r="F8" s="1" t="s">
        <v>234</v>
      </c>
      <c r="G8" s="1" t="s">
        <v>235</v>
      </c>
      <c r="H8" s="1" t="s">
        <v>129</v>
      </c>
      <c r="I8" s="1" t="s">
        <v>236</v>
      </c>
      <c r="J8" s="1" t="s">
        <v>237</v>
      </c>
      <c r="K8" s="1" t="s">
        <v>238</v>
      </c>
      <c r="L8" s="1" t="s">
        <v>34</v>
      </c>
      <c r="N8" s="1" t="s">
        <v>232</v>
      </c>
      <c r="O8" s="1" t="s">
        <v>74</v>
      </c>
      <c r="P8" s="1" t="s">
        <v>56</v>
      </c>
      <c r="Q8" s="1" t="s">
        <v>91</v>
      </c>
      <c r="R8" s="1" t="s">
        <v>152</v>
      </c>
      <c r="S8" s="1" t="s">
        <v>160</v>
      </c>
      <c r="T8" s="1" t="s">
        <v>126</v>
      </c>
      <c r="U8" s="1">
        <v>10.199999999999999</v>
      </c>
      <c r="V8" s="1"/>
      <c r="W8" s="1"/>
      <c r="X8" s="1"/>
      <c r="Y8" s="1"/>
      <c r="Z8" s="1"/>
      <c r="AA8" s="1" t="s">
        <v>971</v>
      </c>
      <c r="AB8" s="1" t="s">
        <v>971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>
        <v>13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39</v>
      </c>
      <c r="B9" s="2">
        <v>8.3333333333333329E-2</v>
      </c>
      <c r="C9" s="1" t="s">
        <v>885</v>
      </c>
      <c r="D9" s="1" t="s">
        <v>27</v>
      </c>
      <c r="E9" s="1" t="s">
        <v>28</v>
      </c>
      <c r="F9" s="1" t="s">
        <v>94</v>
      </c>
      <c r="G9" s="1" t="s">
        <v>240</v>
      </c>
      <c r="H9" s="1" t="s">
        <v>63</v>
      </c>
      <c r="I9" s="1" t="s">
        <v>241</v>
      </c>
      <c r="J9" s="1" t="s">
        <v>242</v>
      </c>
      <c r="K9" s="1" t="s">
        <v>243</v>
      </c>
      <c r="L9" s="1" t="s">
        <v>34</v>
      </c>
      <c r="N9" s="1" t="s">
        <v>232</v>
      </c>
      <c r="O9" s="1" t="s">
        <v>74</v>
      </c>
      <c r="P9" s="1" t="s">
        <v>56</v>
      </c>
      <c r="Q9" s="1" t="s">
        <v>144</v>
      </c>
      <c r="R9" s="1" t="s">
        <v>159</v>
      </c>
      <c r="S9" s="1" t="s">
        <v>244</v>
      </c>
      <c r="T9" s="1" t="s">
        <v>110</v>
      </c>
      <c r="U9" s="1">
        <v>9.4</v>
      </c>
      <c r="V9" s="1"/>
      <c r="W9" s="1"/>
      <c r="X9" s="1"/>
      <c r="Y9" s="1"/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45</v>
      </c>
      <c r="B10" s="2">
        <v>0.41666666666666669</v>
      </c>
      <c r="C10" s="1" t="s">
        <v>885</v>
      </c>
      <c r="D10" s="1" t="s">
        <v>27</v>
      </c>
      <c r="E10" s="1" t="s">
        <v>887</v>
      </c>
      <c r="F10" s="1" t="s">
        <v>246</v>
      </c>
      <c r="G10" s="1" t="s">
        <v>247</v>
      </c>
      <c r="H10" s="1" t="s">
        <v>248</v>
      </c>
      <c r="I10" s="1" t="s">
        <v>249</v>
      </c>
      <c r="J10" s="1" t="s">
        <v>212</v>
      </c>
      <c r="K10" s="1" t="s">
        <v>250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38</v>
      </c>
      <c r="R10" s="1" t="s">
        <v>132</v>
      </c>
      <c r="S10" s="1" t="s">
        <v>244</v>
      </c>
      <c r="T10" s="1" t="s">
        <v>110</v>
      </c>
      <c r="U10" s="1">
        <v>9.9</v>
      </c>
      <c r="V10" s="3">
        <v>700</v>
      </c>
      <c r="W10" s="1"/>
      <c r="X10" s="1">
        <v>0.88</v>
      </c>
      <c r="Y10" s="1">
        <v>3.5000000000000003E-2</v>
      </c>
      <c r="Z10" s="1">
        <v>2E-3</v>
      </c>
      <c r="AA10" s="1" t="s">
        <v>970</v>
      </c>
      <c r="AB10" s="1" t="s">
        <v>940</v>
      </c>
      <c r="AC10" s="1" t="s">
        <v>923</v>
      </c>
      <c r="AD10" s="1" t="s">
        <v>924</v>
      </c>
      <c r="AE10" s="1" t="s">
        <v>927</v>
      </c>
      <c r="AF10" s="1" t="s">
        <v>926</v>
      </c>
      <c r="AG10" s="1" t="s">
        <v>927</v>
      </c>
      <c r="AH10" s="1" t="s">
        <v>925</v>
      </c>
      <c r="AI10" s="1"/>
      <c r="AJ10" s="1"/>
      <c r="AK10" s="1"/>
      <c r="AL10" s="1" t="s">
        <v>930</v>
      </c>
      <c r="AM10" s="1"/>
      <c r="AN10" s="1"/>
      <c r="AO10" s="1"/>
      <c r="AP10" t="s">
        <v>930</v>
      </c>
      <c r="AQ10" s="1"/>
      <c r="AR10" s="1" t="s">
        <v>930</v>
      </c>
      <c r="AS10" s="1" t="s">
        <v>930</v>
      </c>
      <c r="AT10" s="1"/>
      <c r="AU10" s="1"/>
      <c r="AV10" s="1"/>
      <c r="AW10" s="1"/>
      <c r="AX10" s="1"/>
      <c r="AY10" s="1"/>
      <c r="AZ10" s="1" t="s">
        <v>938</v>
      </c>
      <c r="BA10" s="1" t="s">
        <v>926</v>
      </c>
      <c r="BB10" s="1" t="s">
        <v>938</v>
      </c>
      <c r="BC10" s="1">
        <v>0.68</v>
      </c>
      <c r="BD10" s="1">
        <v>0.73</v>
      </c>
      <c r="BE10" s="1"/>
      <c r="BF10" s="1" t="s">
        <v>927</v>
      </c>
      <c r="BG10" s="1" t="s">
        <v>927</v>
      </c>
      <c r="BH10" s="1" t="s">
        <v>926</v>
      </c>
      <c r="BI10" s="1" t="s">
        <v>924</v>
      </c>
      <c r="BJ10" s="1"/>
      <c r="BK10" s="1"/>
      <c r="BL10" s="1"/>
      <c r="BM10" s="1" t="s">
        <v>945</v>
      </c>
      <c r="BN10" s="1">
        <v>0.02</v>
      </c>
      <c r="BO10" s="1">
        <v>13</v>
      </c>
      <c r="BP10" s="1">
        <v>3.8</v>
      </c>
      <c r="BQ10" s="1"/>
      <c r="BR10" s="1" t="s">
        <v>946</v>
      </c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5</v>
      </c>
      <c r="C11" s="1" t="s">
        <v>885</v>
      </c>
      <c r="D11" s="1" t="s">
        <v>27</v>
      </c>
      <c r="E11" s="1" t="s">
        <v>887</v>
      </c>
      <c r="F11" s="1" t="s">
        <v>251</v>
      </c>
      <c r="G11" s="1" t="s">
        <v>252</v>
      </c>
      <c r="H11" s="1" t="s">
        <v>215</v>
      </c>
      <c r="I11" s="1" t="s">
        <v>253</v>
      </c>
      <c r="J11" s="1" t="s">
        <v>254</v>
      </c>
      <c r="K11" s="1" t="s">
        <v>255</v>
      </c>
      <c r="L11" s="1" t="s">
        <v>34</v>
      </c>
      <c r="N11" s="1" t="s">
        <v>35</v>
      </c>
      <c r="O11" s="1" t="s">
        <v>74</v>
      </c>
      <c r="P11" s="1" t="s">
        <v>56</v>
      </c>
      <c r="Q11" s="1" t="s">
        <v>99</v>
      </c>
      <c r="R11" s="1" t="s">
        <v>152</v>
      </c>
      <c r="S11" s="1" t="s">
        <v>48</v>
      </c>
      <c r="T11" s="1" t="s">
        <v>126</v>
      </c>
      <c r="U11" s="1">
        <v>9.6999999999999993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3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56</v>
      </c>
      <c r="B12" s="2">
        <v>8.3333333333333329E-2</v>
      </c>
      <c r="C12" s="1" t="s">
        <v>885</v>
      </c>
      <c r="D12" s="1" t="s">
        <v>68</v>
      </c>
      <c r="E12" s="1" t="s">
        <v>887</v>
      </c>
      <c r="F12" s="1" t="s">
        <v>252</v>
      </c>
      <c r="G12" s="1" t="s">
        <v>257</v>
      </c>
      <c r="H12" s="1" t="s">
        <v>258</v>
      </c>
      <c r="I12" s="1" t="s">
        <v>95</v>
      </c>
      <c r="J12" s="1" t="s">
        <v>212</v>
      </c>
      <c r="K12" s="1" t="s">
        <v>259</v>
      </c>
      <c r="L12" s="1" t="s">
        <v>34</v>
      </c>
      <c r="N12" s="1" t="s">
        <v>35</v>
      </c>
      <c r="O12" s="1" t="s">
        <v>74</v>
      </c>
      <c r="P12" s="1" t="s">
        <v>56</v>
      </c>
      <c r="Q12" s="1" t="s">
        <v>144</v>
      </c>
      <c r="R12" s="1" t="s">
        <v>58</v>
      </c>
      <c r="S12" s="1" t="s">
        <v>40</v>
      </c>
      <c r="T12" s="1" t="s">
        <v>110</v>
      </c>
      <c r="U12" s="1">
        <v>8.3000000000000007</v>
      </c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>
        <v>13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84</v>
      </c>
      <c r="B13" s="2">
        <v>0.41666666666666669</v>
      </c>
      <c r="C13" s="1" t="s">
        <v>885</v>
      </c>
      <c r="D13" s="1" t="s">
        <v>68</v>
      </c>
      <c r="E13" s="1" t="s">
        <v>28</v>
      </c>
      <c r="F13" s="1" t="s">
        <v>260</v>
      </c>
      <c r="G13" s="1" t="s">
        <v>252</v>
      </c>
      <c r="H13" s="1" t="s">
        <v>261</v>
      </c>
      <c r="I13" s="1" t="s">
        <v>262</v>
      </c>
      <c r="J13" s="1" t="s">
        <v>217</v>
      </c>
      <c r="K13" s="1" t="s">
        <v>259</v>
      </c>
      <c r="L13" s="1" t="s">
        <v>34</v>
      </c>
      <c r="N13" s="1" t="s">
        <v>35</v>
      </c>
      <c r="O13" s="1" t="s">
        <v>74</v>
      </c>
      <c r="P13" s="1" t="s">
        <v>56</v>
      </c>
      <c r="Q13" s="1" t="s">
        <v>99</v>
      </c>
      <c r="R13" s="1" t="s">
        <v>82</v>
      </c>
      <c r="S13" s="1" t="s">
        <v>160</v>
      </c>
      <c r="T13" s="1" t="s">
        <v>126</v>
      </c>
      <c r="U13" s="1">
        <v>9.6</v>
      </c>
      <c r="V13" s="3">
        <v>79</v>
      </c>
      <c r="W13" s="1"/>
      <c r="X13" s="1">
        <v>0.81</v>
      </c>
      <c r="Y13" s="1">
        <v>3.2000000000000001E-2</v>
      </c>
      <c r="Z13" s="1" t="s">
        <v>931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938</v>
      </c>
      <c r="BC13" s="1">
        <v>0.63</v>
      </c>
      <c r="BD13" s="1">
        <v>0.68</v>
      </c>
      <c r="BE13" s="1"/>
      <c r="BF13" s="1"/>
      <c r="BG13" s="1"/>
      <c r="BH13" s="1"/>
      <c r="BI13" s="1"/>
      <c r="BJ13" s="1"/>
      <c r="BK13" s="1"/>
      <c r="BL13" s="1"/>
      <c r="BM13" s="1" t="s">
        <v>945</v>
      </c>
      <c r="BN13" s="1">
        <v>1.6E-2</v>
      </c>
      <c r="BO13" s="1">
        <v>14</v>
      </c>
      <c r="BP13" s="1">
        <v>4.9000000000000004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75</v>
      </c>
      <c r="C14" s="1" t="s">
        <v>885</v>
      </c>
      <c r="D14" s="1" t="s">
        <v>68</v>
      </c>
      <c r="E14" s="1" t="s">
        <v>28</v>
      </c>
      <c r="F14" s="1" t="s">
        <v>263</v>
      </c>
      <c r="G14" s="1" t="s">
        <v>77</v>
      </c>
      <c r="H14" s="1" t="s">
        <v>264</v>
      </c>
      <c r="I14" s="1" t="s">
        <v>265</v>
      </c>
      <c r="J14" s="1" t="s">
        <v>217</v>
      </c>
      <c r="K14" s="1" t="s">
        <v>250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99</v>
      </c>
      <c r="R14" s="1" t="s">
        <v>196</v>
      </c>
      <c r="S14" s="1" t="s">
        <v>40</v>
      </c>
      <c r="T14" s="1" t="s">
        <v>110</v>
      </c>
      <c r="U14" s="1">
        <v>9.1999999999999993</v>
      </c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4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66</v>
      </c>
      <c r="B15" s="2">
        <v>8.3333333333333329E-2</v>
      </c>
      <c r="C15" s="1" t="s">
        <v>885</v>
      </c>
      <c r="D15" s="1" t="s">
        <v>68</v>
      </c>
      <c r="E15" s="1" t="s">
        <v>28</v>
      </c>
      <c r="F15" s="1" t="s">
        <v>267</v>
      </c>
      <c r="G15" s="1" t="s">
        <v>268</v>
      </c>
      <c r="H15" s="1" t="s">
        <v>269</v>
      </c>
      <c r="I15" s="1" t="s">
        <v>270</v>
      </c>
      <c r="J15" s="1" t="s">
        <v>271</v>
      </c>
      <c r="K15" s="1" t="s">
        <v>129</v>
      </c>
      <c r="L15" s="1" t="s">
        <v>34</v>
      </c>
      <c r="N15" s="1" t="s">
        <v>35</v>
      </c>
      <c r="O15" s="1" t="s">
        <v>74</v>
      </c>
      <c r="P15" s="1" t="s">
        <v>56</v>
      </c>
      <c r="Q15" s="1" t="s">
        <v>57</v>
      </c>
      <c r="R15" s="1" t="s">
        <v>196</v>
      </c>
      <c r="S15" s="1" t="s">
        <v>160</v>
      </c>
      <c r="T15" s="1" t="s">
        <v>110</v>
      </c>
      <c r="U15" s="1">
        <v>8.3000000000000007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4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272</v>
      </c>
      <c r="B16" s="2">
        <v>0.41666666666666669</v>
      </c>
      <c r="C16" s="1" t="s">
        <v>885</v>
      </c>
      <c r="D16" s="1" t="s">
        <v>27</v>
      </c>
      <c r="E16" s="1" t="s">
        <v>28</v>
      </c>
      <c r="F16" s="1" t="s">
        <v>273</v>
      </c>
      <c r="G16" s="1" t="s">
        <v>274</v>
      </c>
      <c r="H16" s="1" t="s">
        <v>275</v>
      </c>
      <c r="I16" s="1" t="s">
        <v>276</v>
      </c>
      <c r="J16" s="1" t="s">
        <v>242</v>
      </c>
      <c r="K16" s="1" t="s">
        <v>104</v>
      </c>
      <c r="L16" s="1" t="s">
        <v>208</v>
      </c>
      <c r="N16" s="1" t="s">
        <v>277</v>
      </c>
      <c r="O16" s="1" t="s">
        <v>203</v>
      </c>
      <c r="P16" s="1" t="s">
        <v>37</v>
      </c>
      <c r="Q16" s="1" t="s">
        <v>57</v>
      </c>
      <c r="R16" s="1" t="s">
        <v>132</v>
      </c>
      <c r="S16" s="1" t="s">
        <v>92</v>
      </c>
      <c r="T16" s="1" t="s">
        <v>191</v>
      </c>
      <c r="U16" s="1">
        <v>9.3000000000000007</v>
      </c>
      <c r="V16" s="3">
        <v>2200</v>
      </c>
      <c r="W16" s="1" t="s">
        <v>929</v>
      </c>
      <c r="X16" s="1">
        <v>0.83</v>
      </c>
      <c r="Y16" s="1">
        <v>0.04</v>
      </c>
      <c r="Z16" s="1">
        <v>1.4999999999999999E-2</v>
      </c>
      <c r="AA16" s="1" t="s">
        <v>970</v>
      </c>
      <c r="AB16" s="1" t="s">
        <v>940</v>
      </c>
      <c r="AC16" s="1" t="s">
        <v>923</v>
      </c>
      <c r="AD16" s="1" t="s">
        <v>924</v>
      </c>
      <c r="AE16" s="1" t="s">
        <v>927</v>
      </c>
      <c r="AF16" s="1" t="s">
        <v>926</v>
      </c>
      <c r="AG16" s="1" t="s">
        <v>927</v>
      </c>
      <c r="AH16" s="1" t="s">
        <v>925</v>
      </c>
      <c r="AI16" s="1"/>
      <c r="AJ16" s="1" t="s">
        <v>925</v>
      </c>
      <c r="AK16" s="1" t="s">
        <v>930</v>
      </c>
      <c r="AL16" s="1" t="s">
        <v>930</v>
      </c>
      <c r="AM16" s="1" t="s">
        <v>930</v>
      </c>
      <c r="AN16" s="1" t="s">
        <v>930</v>
      </c>
      <c r="AO16" s="1" t="s">
        <v>930</v>
      </c>
      <c r="AP16" t="s">
        <v>930</v>
      </c>
      <c r="AQ16" s="1" t="s">
        <v>930</v>
      </c>
      <c r="AR16" s="1" t="s">
        <v>930</v>
      </c>
      <c r="AS16" s="1" t="s">
        <v>930</v>
      </c>
      <c r="AT16" s="1" t="s">
        <v>939</v>
      </c>
      <c r="AU16" s="1" t="s">
        <v>925</v>
      </c>
      <c r="AV16" s="1" t="s">
        <v>923</v>
      </c>
      <c r="AW16" s="1" t="s">
        <v>923</v>
      </c>
      <c r="AX16" s="1" t="s">
        <v>930</v>
      </c>
      <c r="AY16" s="1" t="s">
        <v>937</v>
      </c>
      <c r="AZ16" s="1">
        <v>0.05</v>
      </c>
      <c r="BA16" s="1" t="s">
        <v>926</v>
      </c>
      <c r="BB16" s="1" t="s">
        <v>938</v>
      </c>
      <c r="BC16" s="1">
        <v>0.73</v>
      </c>
      <c r="BD16" s="1">
        <v>0.78</v>
      </c>
      <c r="BE16" s="1" t="s">
        <v>927</v>
      </c>
      <c r="BF16" s="1" t="s">
        <v>927</v>
      </c>
      <c r="BG16" s="1" t="s">
        <v>927</v>
      </c>
      <c r="BH16" s="1">
        <v>0.05</v>
      </c>
      <c r="BI16" s="1" t="s">
        <v>924</v>
      </c>
      <c r="BJ16" s="1" t="s">
        <v>926</v>
      </c>
      <c r="BK16" s="1" t="s">
        <v>925</v>
      </c>
      <c r="BL16" s="1" t="s">
        <v>947</v>
      </c>
      <c r="BM16" s="1" t="s">
        <v>945</v>
      </c>
      <c r="BN16" s="1">
        <v>2.8000000000000001E-2</v>
      </c>
      <c r="BO16" s="1">
        <v>12</v>
      </c>
      <c r="BP16" s="1">
        <v>4.0999999999999996</v>
      </c>
      <c r="BQ16" s="1"/>
      <c r="BR16" s="1" t="s">
        <v>946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5</v>
      </c>
      <c r="C17" s="1" t="s">
        <v>885</v>
      </c>
      <c r="D17" s="1" t="s">
        <v>27</v>
      </c>
      <c r="E17" s="1" t="s">
        <v>28</v>
      </c>
      <c r="F17" s="1" t="s">
        <v>278</v>
      </c>
      <c r="G17" s="1" t="s">
        <v>279</v>
      </c>
      <c r="H17" s="1" t="s">
        <v>280</v>
      </c>
      <c r="I17" s="1" t="s">
        <v>281</v>
      </c>
      <c r="J17" s="1" t="s">
        <v>223</v>
      </c>
      <c r="K17" s="1" t="s">
        <v>282</v>
      </c>
      <c r="L17" s="1" t="s">
        <v>283</v>
      </c>
      <c r="N17" s="1" t="s">
        <v>277</v>
      </c>
      <c r="O17" s="1" t="s">
        <v>203</v>
      </c>
      <c r="P17" s="1" t="s">
        <v>56</v>
      </c>
      <c r="Q17" s="1" t="s">
        <v>99</v>
      </c>
      <c r="R17" s="1" t="s">
        <v>152</v>
      </c>
      <c r="S17" s="1" t="s">
        <v>40</v>
      </c>
      <c r="T17" s="1" t="s">
        <v>181</v>
      </c>
      <c r="U17" s="1">
        <v>8.8000000000000007</v>
      </c>
      <c r="V17" s="1"/>
      <c r="W17" s="1"/>
      <c r="X17" s="1"/>
      <c r="Y17" s="1"/>
      <c r="Z17" s="1"/>
      <c r="AA17" s="1" t="s">
        <v>971</v>
      </c>
      <c r="AB17" s="1" t="s">
        <v>971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2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84</v>
      </c>
      <c r="B18" s="2">
        <v>8.3333333333333329E-2</v>
      </c>
      <c r="C18" s="1" t="s">
        <v>885</v>
      </c>
      <c r="D18" s="1" t="s">
        <v>27</v>
      </c>
      <c r="E18" s="1" t="s">
        <v>28</v>
      </c>
      <c r="F18" s="1" t="s">
        <v>285</v>
      </c>
      <c r="G18" s="1" t="s">
        <v>286</v>
      </c>
      <c r="H18" s="1" t="s">
        <v>287</v>
      </c>
      <c r="I18" s="1" t="s">
        <v>288</v>
      </c>
      <c r="J18" s="1" t="s">
        <v>217</v>
      </c>
      <c r="K18" s="1" t="s">
        <v>289</v>
      </c>
      <c r="L18" s="1" t="s">
        <v>290</v>
      </c>
      <c r="N18" s="1" t="s">
        <v>277</v>
      </c>
      <c r="O18" s="1" t="s">
        <v>203</v>
      </c>
      <c r="P18" s="1" t="s">
        <v>56</v>
      </c>
      <c r="Q18" s="1" t="s">
        <v>57</v>
      </c>
      <c r="R18" s="1" t="s">
        <v>132</v>
      </c>
      <c r="S18" s="1" t="s">
        <v>82</v>
      </c>
      <c r="T18" s="1" t="s">
        <v>126</v>
      </c>
      <c r="U18" s="1">
        <v>8.1999999999999993</v>
      </c>
      <c r="V18" s="1"/>
      <c r="W18" s="1"/>
      <c r="X18" s="1"/>
      <c r="Y18" s="1"/>
      <c r="Z18" s="1"/>
      <c r="AA18" s="1" t="s">
        <v>971</v>
      </c>
      <c r="AB18" s="1" t="s">
        <v>971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3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119</v>
      </c>
      <c r="B19" s="2">
        <v>0.41666666666666669</v>
      </c>
      <c r="C19" s="1" t="s">
        <v>885</v>
      </c>
      <c r="D19" s="1" t="s">
        <v>27</v>
      </c>
      <c r="E19" s="1" t="s">
        <v>887</v>
      </c>
      <c r="F19" s="1" t="s">
        <v>251</v>
      </c>
      <c r="G19" s="1" t="s">
        <v>291</v>
      </c>
      <c r="H19" s="1" t="s">
        <v>292</v>
      </c>
      <c r="I19" s="1" t="s">
        <v>293</v>
      </c>
      <c r="J19" s="1" t="s">
        <v>294</v>
      </c>
      <c r="K19" s="1" t="s">
        <v>295</v>
      </c>
      <c r="L19" s="1" t="s">
        <v>296</v>
      </c>
      <c r="N19" s="1" t="s">
        <v>277</v>
      </c>
      <c r="O19" s="1" t="s">
        <v>203</v>
      </c>
      <c r="P19" s="1" t="s">
        <v>37</v>
      </c>
      <c r="Q19" s="1" t="s">
        <v>144</v>
      </c>
      <c r="R19" s="1" t="s">
        <v>109</v>
      </c>
      <c r="S19" s="1" t="s">
        <v>83</v>
      </c>
      <c r="T19" s="1" t="s">
        <v>145</v>
      </c>
      <c r="U19" s="1">
        <v>9.9</v>
      </c>
      <c r="V19" s="3">
        <v>1100</v>
      </c>
      <c r="W19" s="1"/>
      <c r="X19" s="1">
        <v>0.87</v>
      </c>
      <c r="Y19" s="1">
        <v>3.4000000000000002E-2</v>
      </c>
      <c r="Z19" s="1">
        <v>3.0000000000000001E-3</v>
      </c>
      <c r="AA19" s="1" t="s">
        <v>971</v>
      </c>
      <c r="AB19" s="1" t="s">
        <v>97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938</v>
      </c>
      <c r="BC19" s="1">
        <v>0.78</v>
      </c>
      <c r="BD19" s="1">
        <v>0.83</v>
      </c>
      <c r="BE19" s="1"/>
      <c r="BF19" s="1"/>
      <c r="BG19" s="1"/>
      <c r="BH19" s="1"/>
      <c r="BI19" s="1"/>
      <c r="BJ19" s="1"/>
      <c r="BK19" s="1"/>
      <c r="BL19" s="1"/>
      <c r="BM19" s="1" t="s">
        <v>945</v>
      </c>
      <c r="BN19" s="1">
        <v>2.8000000000000001E-2</v>
      </c>
      <c r="BO19" s="1">
        <v>12</v>
      </c>
      <c r="BP19" s="1">
        <v>3.5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B20" s="2">
        <v>0.75</v>
      </c>
      <c r="C20" s="1" t="s">
        <v>885</v>
      </c>
      <c r="D20" s="1" t="s">
        <v>27</v>
      </c>
      <c r="E20" s="1" t="s">
        <v>887</v>
      </c>
      <c r="F20" s="1" t="s">
        <v>274</v>
      </c>
      <c r="G20" s="1" t="s">
        <v>297</v>
      </c>
      <c r="H20" s="1" t="s">
        <v>298</v>
      </c>
      <c r="I20" s="1" t="s">
        <v>299</v>
      </c>
      <c r="J20" s="1" t="s">
        <v>300</v>
      </c>
      <c r="K20" s="1" t="s">
        <v>301</v>
      </c>
      <c r="L20" s="1" t="s">
        <v>302</v>
      </c>
      <c r="N20" s="1" t="s">
        <v>277</v>
      </c>
      <c r="O20" s="1" t="s">
        <v>233</v>
      </c>
      <c r="P20" s="1" t="s">
        <v>37</v>
      </c>
      <c r="Q20" s="1" t="s">
        <v>108</v>
      </c>
      <c r="R20" s="1" t="s">
        <v>177</v>
      </c>
      <c r="S20" s="1" t="s">
        <v>75</v>
      </c>
      <c r="T20" s="1" t="s">
        <v>145</v>
      </c>
      <c r="U20" s="1">
        <v>9.6999999999999993</v>
      </c>
      <c r="V20" s="1"/>
      <c r="W20" s="1"/>
      <c r="X20" s="1"/>
      <c r="Y20" s="1"/>
      <c r="Z20" s="1"/>
      <c r="AA20" s="1" t="s">
        <v>971</v>
      </c>
      <c r="AB20" s="1" t="s">
        <v>971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>
        <v>12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 t="s">
        <v>303</v>
      </c>
      <c r="B21" s="2">
        <v>8.3333333333333329E-2</v>
      </c>
      <c r="C21" s="1" t="s">
        <v>885</v>
      </c>
      <c r="D21" s="1" t="s">
        <v>27</v>
      </c>
      <c r="E21" s="1" t="s">
        <v>887</v>
      </c>
      <c r="F21" s="1" t="s">
        <v>304</v>
      </c>
      <c r="G21" s="1" t="s">
        <v>127</v>
      </c>
      <c r="H21" s="1" t="s">
        <v>287</v>
      </c>
      <c r="I21" s="1" t="s">
        <v>305</v>
      </c>
      <c r="J21" s="1" t="s">
        <v>306</v>
      </c>
      <c r="K21" s="1" t="s">
        <v>307</v>
      </c>
      <c r="L21" s="1" t="s">
        <v>308</v>
      </c>
      <c r="N21" s="1" t="s">
        <v>277</v>
      </c>
      <c r="O21" s="1" t="s">
        <v>233</v>
      </c>
      <c r="P21" s="1" t="s">
        <v>37</v>
      </c>
      <c r="Q21" s="1" t="s">
        <v>57</v>
      </c>
      <c r="R21" s="1" t="s">
        <v>109</v>
      </c>
      <c r="S21" s="1" t="s">
        <v>189</v>
      </c>
      <c r="T21" s="1" t="s">
        <v>191</v>
      </c>
      <c r="U21" s="1">
        <v>9.1</v>
      </c>
      <c r="V21" s="1"/>
      <c r="W21" s="1"/>
      <c r="X21" s="1"/>
      <c r="Y21" s="1"/>
      <c r="Z21" s="1"/>
      <c r="AA21" s="1" t="s">
        <v>971</v>
      </c>
      <c r="AB21" s="1" t="s">
        <v>97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2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309</v>
      </c>
      <c r="B22" s="2">
        <v>0.41666666666666669</v>
      </c>
      <c r="C22" s="1" t="s">
        <v>885</v>
      </c>
      <c r="D22" s="1" t="s">
        <v>27</v>
      </c>
      <c r="E22" s="1" t="s">
        <v>28</v>
      </c>
      <c r="F22" s="1" t="s">
        <v>291</v>
      </c>
      <c r="G22" s="1" t="s">
        <v>61</v>
      </c>
      <c r="H22" s="1" t="s">
        <v>310</v>
      </c>
      <c r="I22" s="1" t="s">
        <v>311</v>
      </c>
      <c r="J22" s="1" t="s">
        <v>312</v>
      </c>
      <c r="K22" s="1" t="s">
        <v>301</v>
      </c>
      <c r="L22" s="1" t="s">
        <v>313</v>
      </c>
      <c r="N22" s="1" t="s">
        <v>277</v>
      </c>
      <c r="O22" s="1" t="s">
        <v>203</v>
      </c>
      <c r="P22" s="1" t="s">
        <v>56</v>
      </c>
      <c r="Q22" s="1" t="s">
        <v>99</v>
      </c>
      <c r="R22" s="1" t="s">
        <v>118</v>
      </c>
      <c r="S22" s="1" t="s">
        <v>82</v>
      </c>
      <c r="T22" s="1" t="s">
        <v>145</v>
      </c>
      <c r="U22" s="1">
        <v>10.3</v>
      </c>
      <c r="V22" s="3">
        <v>1100</v>
      </c>
      <c r="W22" s="1"/>
      <c r="X22" s="1">
        <v>1</v>
      </c>
      <c r="Y22" s="1">
        <v>4.1000000000000002E-2</v>
      </c>
      <c r="Z22" s="1" t="s">
        <v>931</v>
      </c>
      <c r="AA22" s="1" t="s">
        <v>970</v>
      </c>
      <c r="AB22" s="1" t="s">
        <v>940</v>
      </c>
      <c r="AC22" s="1" t="s">
        <v>923</v>
      </c>
      <c r="AD22" s="1" t="s">
        <v>924</v>
      </c>
      <c r="AE22" s="1" t="s">
        <v>927</v>
      </c>
      <c r="AF22" s="1" t="s">
        <v>926</v>
      </c>
      <c r="AG22" s="1" t="s">
        <v>927</v>
      </c>
      <c r="AH22" s="1" t="s">
        <v>925</v>
      </c>
      <c r="AI22" s="1"/>
      <c r="AJ22" s="1"/>
      <c r="AK22" s="1"/>
      <c r="AL22" s="1" t="s">
        <v>930</v>
      </c>
      <c r="AM22" s="1"/>
      <c r="AN22" s="1"/>
      <c r="AO22" s="1"/>
      <c r="AP22" t="s">
        <v>930</v>
      </c>
      <c r="AQ22" s="1"/>
      <c r="AR22" s="1" t="s">
        <v>930</v>
      </c>
      <c r="AS22" s="1" t="s">
        <v>930</v>
      </c>
      <c r="AT22" s="1"/>
      <c r="AU22" s="1"/>
      <c r="AV22" s="1"/>
      <c r="AW22" s="1"/>
      <c r="AX22" s="1"/>
      <c r="AY22" s="1"/>
      <c r="AZ22" s="1">
        <v>0.06</v>
      </c>
      <c r="BA22" s="1" t="s">
        <v>926</v>
      </c>
      <c r="BB22" s="1" t="s">
        <v>938</v>
      </c>
      <c r="BC22" s="1">
        <v>0.98</v>
      </c>
      <c r="BD22" s="1">
        <v>1</v>
      </c>
      <c r="BE22" s="1"/>
      <c r="BF22" s="1" t="s">
        <v>927</v>
      </c>
      <c r="BG22" s="1" t="s">
        <v>927</v>
      </c>
      <c r="BH22" s="1">
        <v>0.11</v>
      </c>
      <c r="BI22" s="1" t="s">
        <v>924</v>
      </c>
      <c r="BJ22" s="1"/>
      <c r="BK22" s="1"/>
      <c r="BL22" s="1"/>
      <c r="BM22" s="1" t="s">
        <v>945</v>
      </c>
      <c r="BN22" s="1">
        <v>2.4E-2</v>
      </c>
      <c r="BO22" s="1">
        <v>13</v>
      </c>
      <c r="BP22" s="1">
        <v>4.0999999999999996</v>
      </c>
      <c r="BQ22" s="1"/>
      <c r="BR22" s="1" t="s">
        <v>946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5</v>
      </c>
      <c r="C23" s="1" t="s">
        <v>885</v>
      </c>
      <c r="D23" s="1" t="s">
        <v>27</v>
      </c>
      <c r="E23" s="1" t="s">
        <v>28</v>
      </c>
      <c r="F23" s="1" t="s">
        <v>235</v>
      </c>
      <c r="G23" s="1" t="s">
        <v>51</v>
      </c>
      <c r="H23" s="1" t="s">
        <v>314</v>
      </c>
      <c r="I23" s="1" t="s">
        <v>315</v>
      </c>
      <c r="J23" s="1" t="s">
        <v>312</v>
      </c>
      <c r="K23" s="1" t="s">
        <v>307</v>
      </c>
      <c r="L23" s="1" t="s">
        <v>316</v>
      </c>
      <c r="N23" s="1" t="s">
        <v>277</v>
      </c>
      <c r="O23" s="1" t="s">
        <v>203</v>
      </c>
      <c r="P23" s="1" t="s">
        <v>56</v>
      </c>
      <c r="Q23" s="1" t="s">
        <v>99</v>
      </c>
      <c r="R23" s="1" t="s">
        <v>317</v>
      </c>
      <c r="S23" s="1" t="s">
        <v>189</v>
      </c>
      <c r="T23" s="1" t="s">
        <v>145</v>
      </c>
      <c r="U23" s="1">
        <v>9.6999999999999993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3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33</v>
      </c>
      <c r="B24" s="2">
        <v>8.3333333333333329E-2</v>
      </c>
      <c r="C24" s="1" t="s">
        <v>885</v>
      </c>
      <c r="D24" s="1" t="s">
        <v>27</v>
      </c>
      <c r="E24" s="1" t="s">
        <v>28</v>
      </c>
      <c r="F24" s="1" t="s">
        <v>43</v>
      </c>
      <c r="G24" s="1" t="s">
        <v>140</v>
      </c>
      <c r="H24" s="1" t="s">
        <v>269</v>
      </c>
      <c r="I24" s="1" t="s">
        <v>318</v>
      </c>
      <c r="J24" s="1" t="s">
        <v>217</v>
      </c>
      <c r="K24" s="1" t="s">
        <v>238</v>
      </c>
      <c r="L24" s="1" t="s">
        <v>319</v>
      </c>
      <c r="N24" s="1" t="s">
        <v>277</v>
      </c>
      <c r="O24" s="1" t="s">
        <v>203</v>
      </c>
      <c r="P24" s="1" t="s">
        <v>56</v>
      </c>
      <c r="Q24" s="1" t="s">
        <v>57</v>
      </c>
      <c r="R24" s="1" t="s">
        <v>177</v>
      </c>
      <c r="S24" s="1" t="s">
        <v>196</v>
      </c>
      <c r="T24" s="1" t="s">
        <v>145</v>
      </c>
      <c r="U24" s="1">
        <v>9.8000000000000007</v>
      </c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>
        <v>13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320</v>
      </c>
      <c r="B25" s="2">
        <v>0.41666666666666669</v>
      </c>
      <c r="C25" s="1" t="s">
        <v>885</v>
      </c>
      <c r="D25" s="1" t="s">
        <v>27</v>
      </c>
      <c r="E25" s="1" t="s">
        <v>887</v>
      </c>
      <c r="F25" s="1" t="s">
        <v>321</v>
      </c>
      <c r="G25" s="1" t="s">
        <v>220</v>
      </c>
      <c r="H25" s="1" t="s">
        <v>322</v>
      </c>
      <c r="I25" s="1" t="s">
        <v>323</v>
      </c>
      <c r="J25" s="1" t="s">
        <v>217</v>
      </c>
      <c r="K25" s="1" t="s">
        <v>324</v>
      </c>
      <c r="L25" s="1" t="s">
        <v>325</v>
      </c>
      <c r="N25" s="1" t="s">
        <v>35</v>
      </c>
      <c r="O25" s="1" t="s">
        <v>74</v>
      </c>
      <c r="P25" s="1" t="s">
        <v>56</v>
      </c>
      <c r="Q25" s="1" t="s">
        <v>188</v>
      </c>
      <c r="R25" s="1" t="s">
        <v>118</v>
      </c>
      <c r="S25" s="1" t="s">
        <v>82</v>
      </c>
      <c r="T25" s="1" t="s">
        <v>110</v>
      </c>
      <c r="U25" s="1">
        <v>11.9</v>
      </c>
      <c r="V25" s="3">
        <v>310</v>
      </c>
      <c r="W25" s="1"/>
      <c r="X25" s="1">
        <v>1</v>
      </c>
      <c r="Y25" s="1">
        <v>4.1000000000000002E-2</v>
      </c>
      <c r="Z25" s="1">
        <v>1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938</v>
      </c>
      <c r="BC25" s="1">
        <v>0.95</v>
      </c>
      <c r="BD25" s="1">
        <v>1</v>
      </c>
      <c r="BE25" s="1"/>
      <c r="BF25" s="1"/>
      <c r="BG25" s="1"/>
      <c r="BH25" s="1"/>
      <c r="BI25" s="1"/>
      <c r="BJ25" s="1"/>
      <c r="BK25" s="1"/>
      <c r="BL25" s="1"/>
      <c r="BM25" s="1" t="s">
        <v>945</v>
      </c>
      <c r="BN25" s="1">
        <v>2.3E-2</v>
      </c>
      <c r="BO25" s="1">
        <v>14</v>
      </c>
      <c r="BP25" s="1">
        <v>4.0999999999999996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75</v>
      </c>
      <c r="C26" s="1" t="s">
        <v>885</v>
      </c>
      <c r="D26" s="1" t="s">
        <v>27</v>
      </c>
      <c r="E26" s="1" t="s">
        <v>887</v>
      </c>
      <c r="F26" s="1" t="s">
        <v>326</v>
      </c>
      <c r="G26" s="1" t="s">
        <v>327</v>
      </c>
      <c r="H26" s="1" t="s">
        <v>96</v>
      </c>
      <c r="I26" s="1" t="s">
        <v>328</v>
      </c>
      <c r="J26" s="1" t="s">
        <v>217</v>
      </c>
      <c r="K26" s="1" t="s">
        <v>329</v>
      </c>
      <c r="L26" s="1" t="s">
        <v>34</v>
      </c>
      <c r="N26" s="1" t="s">
        <v>35</v>
      </c>
      <c r="O26" s="1" t="s">
        <v>74</v>
      </c>
      <c r="P26" s="1" t="s">
        <v>56</v>
      </c>
      <c r="Q26" s="1" t="s">
        <v>57</v>
      </c>
      <c r="R26" s="1" t="s">
        <v>109</v>
      </c>
      <c r="S26" s="1" t="s">
        <v>189</v>
      </c>
      <c r="T26" s="1" t="s">
        <v>126</v>
      </c>
      <c r="U26" s="1">
        <v>10</v>
      </c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14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30</v>
      </c>
      <c r="B27" s="2">
        <v>8.3333333333333329E-2</v>
      </c>
      <c r="C27" s="1" t="s">
        <v>885</v>
      </c>
      <c r="D27" s="1" t="s">
        <v>27</v>
      </c>
      <c r="E27" s="1" t="s">
        <v>887</v>
      </c>
      <c r="F27" s="1" t="s">
        <v>144</v>
      </c>
      <c r="G27" s="1" t="s">
        <v>321</v>
      </c>
      <c r="H27" s="1" t="s">
        <v>88</v>
      </c>
      <c r="I27" s="1" t="s">
        <v>331</v>
      </c>
      <c r="J27" s="1" t="s">
        <v>217</v>
      </c>
      <c r="K27" s="1" t="s">
        <v>332</v>
      </c>
      <c r="L27" s="1" t="s">
        <v>34</v>
      </c>
      <c r="N27" s="1" t="s">
        <v>35</v>
      </c>
      <c r="O27" s="1" t="s">
        <v>74</v>
      </c>
      <c r="P27" s="1" t="s">
        <v>56</v>
      </c>
      <c r="Q27" s="1" t="s">
        <v>99</v>
      </c>
      <c r="R27" s="1" t="s">
        <v>159</v>
      </c>
      <c r="S27" s="1" t="s">
        <v>196</v>
      </c>
      <c r="T27" s="1" t="s">
        <v>110</v>
      </c>
      <c r="U27" s="1">
        <v>10.199999999999999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4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61</v>
      </c>
      <c r="B28" s="2">
        <v>0.41666666666666669</v>
      </c>
      <c r="C28" s="1" t="s">
        <v>885</v>
      </c>
      <c r="D28" s="1" t="s">
        <v>68</v>
      </c>
      <c r="E28" s="1" t="s">
        <v>887</v>
      </c>
      <c r="F28" s="1" t="s">
        <v>333</v>
      </c>
      <c r="G28" s="1" t="s">
        <v>334</v>
      </c>
      <c r="H28" s="1" t="s">
        <v>298</v>
      </c>
      <c r="I28" s="1" t="s">
        <v>335</v>
      </c>
      <c r="J28" s="1" t="s">
        <v>217</v>
      </c>
      <c r="K28" s="1" t="s">
        <v>243</v>
      </c>
      <c r="L28" s="1" t="s">
        <v>336</v>
      </c>
      <c r="N28" s="1" t="s">
        <v>35</v>
      </c>
      <c r="O28" s="1" t="s">
        <v>203</v>
      </c>
      <c r="P28" s="1" t="s">
        <v>56</v>
      </c>
      <c r="Q28" s="1" t="s">
        <v>99</v>
      </c>
      <c r="R28" s="1" t="s">
        <v>132</v>
      </c>
      <c r="S28" s="1" t="s">
        <v>189</v>
      </c>
      <c r="T28" s="1" t="s">
        <v>181</v>
      </c>
      <c r="U28" s="1">
        <v>10.6</v>
      </c>
      <c r="V28" s="3">
        <v>79</v>
      </c>
      <c r="W28" s="1"/>
      <c r="X28" s="1">
        <v>1.1000000000000001</v>
      </c>
      <c r="Y28" s="1">
        <v>4.3999999999999997E-2</v>
      </c>
      <c r="Z28" s="1">
        <v>1E-3</v>
      </c>
      <c r="AA28" t="s">
        <v>970</v>
      </c>
      <c r="AB28" t="s">
        <v>940</v>
      </c>
      <c r="AC28" s="1" t="s">
        <v>923</v>
      </c>
      <c r="AD28" s="1" t="s">
        <v>924</v>
      </c>
      <c r="AE28" s="1" t="s">
        <v>927</v>
      </c>
      <c r="AF28" s="1" t="s">
        <v>926</v>
      </c>
      <c r="AG28" s="1" t="s">
        <v>927</v>
      </c>
      <c r="AH28" s="1" t="s">
        <v>925</v>
      </c>
      <c r="AI28" s="1"/>
      <c r="AJ28" s="1"/>
      <c r="AK28" s="1"/>
      <c r="AL28" s="1" t="s">
        <v>930</v>
      </c>
      <c r="AM28" s="1"/>
      <c r="AN28" s="1"/>
      <c r="AO28" s="1"/>
      <c r="AP28" t="s">
        <v>930</v>
      </c>
      <c r="AQ28" s="1"/>
      <c r="AR28" s="1" t="s">
        <v>930</v>
      </c>
      <c r="AS28" s="1" t="s">
        <v>930</v>
      </c>
      <c r="AT28" s="1"/>
      <c r="AU28" s="1"/>
      <c r="AV28" s="1"/>
      <c r="AW28" s="1"/>
      <c r="AX28" s="1"/>
      <c r="AY28" s="1"/>
      <c r="AZ28" s="1">
        <v>7.0000000000000007E-2</v>
      </c>
      <c r="BA28" s="1" t="s">
        <v>926</v>
      </c>
      <c r="BB28" s="1" t="s">
        <v>938</v>
      </c>
      <c r="BC28" s="1">
        <v>0.92</v>
      </c>
      <c r="BD28" s="1">
        <v>0.97</v>
      </c>
      <c r="BF28" s="1" t="s">
        <v>927</v>
      </c>
      <c r="BG28" s="1" t="s">
        <v>927</v>
      </c>
      <c r="BH28" s="1">
        <v>0.02</v>
      </c>
      <c r="BI28" s="1" t="s">
        <v>924</v>
      </c>
      <c r="BJ28" s="1"/>
      <c r="BK28" s="1"/>
      <c r="BL28" s="1"/>
      <c r="BM28" s="1" t="s">
        <v>945</v>
      </c>
      <c r="BN28" s="1">
        <v>3.5000000000000003E-2</v>
      </c>
      <c r="BO28" s="1">
        <v>15</v>
      </c>
      <c r="BP28" s="1">
        <v>4.5999999999999996</v>
      </c>
      <c r="BQ28" s="1"/>
      <c r="BR28" s="1" t="s">
        <v>946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75</v>
      </c>
      <c r="C29" s="1" t="s">
        <v>885</v>
      </c>
      <c r="D29" s="1" t="s">
        <v>68</v>
      </c>
      <c r="E29" s="1" t="s">
        <v>887</v>
      </c>
      <c r="F29" s="1" t="s">
        <v>337</v>
      </c>
      <c r="G29" s="1" t="s">
        <v>338</v>
      </c>
      <c r="H29" s="1" t="s">
        <v>339</v>
      </c>
      <c r="I29" s="1" t="s">
        <v>340</v>
      </c>
      <c r="J29" s="1" t="s">
        <v>217</v>
      </c>
      <c r="K29" s="1" t="s">
        <v>341</v>
      </c>
      <c r="L29" s="1" t="s">
        <v>342</v>
      </c>
      <c r="N29" s="1" t="s">
        <v>35</v>
      </c>
      <c r="O29" s="1" t="s">
        <v>203</v>
      </c>
      <c r="P29" s="1" t="s">
        <v>56</v>
      </c>
      <c r="Q29" s="1" t="s">
        <v>57</v>
      </c>
      <c r="R29" s="1" t="s">
        <v>118</v>
      </c>
      <c r="S29" s="1" t="s">
        <v>196</v>
      </c>
      <c r="T29" s="1" t="s">
        <v>145</v>
      </c>
      <c r="U29" s="1">
        <v>10.199999999999999</v>
      </c>
      <c r="V29" s="1"/>
      <c r="W29" s="1"/>
      <c r="X29" s="1"/>
      <c r="Y29" s="1"/>
      <c r="Z29" s="1"/>
      <c r="AA29" t="s">
        <v>971</v>
      </c>
      <c r="AB29" t="s">
        <v>971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15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 t="s">
        <v>343</v>
      </c>
      <c r="B30" s="2">
        <v>8.3333333333333329E-2</v>
      </c>
      <c r="C30" s="1" t="s">
        <v>885</v>
      </c>
      <c r="D30" s="1" t="s">
        <v>68</v>
      </c>
      <c r="E30" s="1" t="s">
        <v>887</v>
      </c>
      <c r="F30" s="1" t="s">
        <v>167</v>
      </c>
      <c r="G30" s="1" t="s">
        <v>168</v>
      </c>
      <c r="H30" s="1" t="s">
        <v>149</v>
      </c>
      <c r="I30" s="1" t="s">
        <v>344</v>
      </c>
      <c r="J30" s="1" t="s">
        <v>223</v>
      </c>
      <c r="K30" s="1" t="s">
        <v>345</v>
      </c>
      <c r="L30" s="1" t="s">
        <v>346</v>
      </c>
      <c r="N30" s="1" t="s">
        <v>35</v>
      </c>
      <c r="O30" s="1" t="s">
        <v>203</v>
      </c>
      <c r="P30" s="1" t="s">
        <v>56</v>
      </c>
      <c r="Q30" s="1" t="s">
        <v>57</v>
      </c>
      <c r="R30" s="1" t="s">
        <v>118</v>
      </c>
      <c r="S30" s="1" t="s">
        <v>196</v>
      </c>
      <c r="T30" s="1" t="s">
        <v>181</v>
      </c>
      <c r="U30" s="1">
        <v>10.1</v>
      </c>
      <c r="V30" s="1"/>
      <c r="W30" s="1"/>
      <c r="X30" s="1"/>
      <c r="Y30" s="1"/>
      <c r="Z30" s="1"/>
      <c r="AA30" t="s">
        <v>971</v>
      </c>
      <c r="AB30" t="s">
        <v>971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15</v>
      </c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71</v>
      </c>
      <c r="B31" s="2">
        <v>0.41666666666666669</v>
      </c>
      <c r="C31" s="1" t="s">
        <v>885</v>
      </c>
      <c r="D31" s="1" t="s">
        <v>27</v>
      </c>
      <c r="E31" s="1" t="s">
        <v>28</v>
      </c>
      <c r="F31" s="1" t="s">
        <v>347</v>
      </c>
      <c r="G31" s="1" t="s">
        <v>198</v>
      </c>
      <c r="H31" s="1" t="s">
        <v>348</v>
      </c>
      <c r="I31" s="1" t="s">
        <v>349</v>
      </c>
      <c r="J31" s="1" t="s">
        <v>212</v>
      </c>
      <c r="K31" s="1" t="s">
        <v>213</v>
      </c>
      <c r="L31" s="1" t="s">
        <v>34</v>
      </c>
      <c r="N31" s="1" t="s">
        <v>35</v>
      </c>
      <c r="O31" s="1" t="s">
        <v>74</v>
      </c>
      <c r="P31" s="1" t="s">
        <v>56</v>
      </c>
      <c r="Q31" s="1" t="s">
        <v>99</v>
      </c>
      <c r="R31" s="1" t="s">
        <v>159</v>
      </c>
      <c r="S31" s="1" t="s">
        <v>196</v>
      </c>
      <c r="T31" s="1" t="s">
        <v>59</v>
      </c>
      <c r="U31" s="1">
        <v>12.1</v>
      </c>
      <c r="V31" s="3">
        <v>33</v>
      </c>
      <c r="W31" s="1"/>
      <c r="X31" s="1">
        <v>1.1000000000000001</v>
      </c>
      <c r="Y31" s="1">
        <v>4.2999999999999997E-2</v>
      </c>
      <c r="Z31" s="1">
        <v>1E-3</v>
      </c>
      <c r="AA31" t="s">
        <v>971</v>
      </c>
      <c r="AB31" t="s">
        <v>971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938</v>
      </c>
      <c r="BC31" s="1">
        <v>0.95</v>
      </c>
      <c r="BD31" s="1">
        <v>1</v>
      </c>
      <c r="BF31" s="1"/>
      <c r="BG31" s="1"/>
      <c r="BH31" s="1"/>
      <c r="BI31" s="1"/>
      <c r="BJ31" s="1"/>
      <c r="BK31" s="1"/>
      <c r="BL31" s="1"/>
      <c r="BM31" s="1" t="s">
        <v>945</v>
      </c>
      <c r="BN31" s="1">
        <v>3.4000000000000002E-2</v>
      </c>
      <c r="BO31" s="1">
        <v>15</v>
      </c>
      <c r="BP31" s="1">
        <v>4.7</v>
      </c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B32" s="2">
        <v>0.75</v>
      </c>
      <c r="C32" s="1" t="s">
        <v>885</v>
      </c>
      <c r="D32" s="1" t="s">
        <v>27</v>
      </c>
      <c r="E32" s="1" t="s">
        <v>28</v>
      </c>
      <c r="F32" s="1" t="s">
        <v>350</v>
      </c>
      <c r="G32" s="1" t="s">
        <v>347</v>
      </c>
      <c r="H32" s="1" t="s">
        <v>261</v>
      </c>
      <c r="I32" s="1" t="s">
        <v>351</v>
      </c>
      <c r="J32" s="1" t="s">
        <v>254</v>
      </c>
      <c r="K32" s="1" t="s">
        <v>275</v>
      </c>
      <c r="L32" s="1" t="s">
        <v>34</v>
      </c>
      <c r="N32" s="1" t="s">
        <v>35</v>
      </c>
      <c r="O32" s="1" t="s">
        <v>74</v>
      </c>
      <c r="P32" s="1" t="s">
        <v>56</v>
      </c>
      <c r="Q32" s="1" t="s">
        <v>57</v>
      </c>
      <c r="R32" s="1" t="s">
        <v>159</v>
      </c>
      <c r="S32" s="1" t="s">
        <v>189</v>
      </c>
      <c r="T32" s="1" t="s">
        <v>110</v>
      </c>
      <c r="U32" s="1">
        <v>11.8</v>
      </c>
      <c r="V32" s="1"/>
      <c r="W32" s="1"/>
      <c r="X32" s="1"/>
      <c r="Y32" s="1"/>
      <c r="Z32" s="1"/>
      <c r="AA32" t="s">
        <v>971</v>
      </c>
      <c r="AB32" t="s">
        <v>971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/>
      <c r="BC32" s="1"/>
      <c r="BD32" s="1"/>
      <c r="BF32" s="1"/>
      <c r="BG32" s="1"/>
      <c r="BH32" s="1"/>
      <c r="BI32" s="1"/>
      <c r="BJ32" s="1"/>
      <c r="BK32" s="1"/>
      <c r="BL32" s="1"/>
      <c r="BM32" s="1"/>
      <c r="BN32" s="1"/>
      <c r="BO32" s="1">
        <v>16</v>
      </c>
      <c r="BP32" s="1"/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A33" s="1" t="s">
        <v>352</v>
      </c>
      <c r="B33" s="2">
        <v>8.3333333333333329E-2</v>
      </c>
      <c r="C33" s="1" t="s">
        <v>885</v>
      </c>
      <c r="D33" s="1" t="s">
        <v>27</v>
      </c>
      <c r="E33" s="1" t="s">
        <v>28</v>
      </c>
      <c r="F33" s="1" t="s">
        <v>353</v>
      </c>
      <c r="G33" s="1" t="s">
        <v>108</v>
      </c>
      <c r="H33" s="1" t="s">
        <v>354</v>
      </c>
      <c r="I33" s="1" t="s">
        <v>355</v>
      </c>
      <c r="J33" s="1" t="s">
        <v>254</v>
      </c>
      <c r="K33" s="1" t="s">
        <v>104</v>
      </c>
      <c r="L33" s="1" t="s">
        <v>34</v>
      </c>
      <c r="N33" s="1" t="s">
        <v>35</v>
      </c>
      <c r="O33" s="1" t="s">
        <v>74</v>
      </c>
      <c r="P33" s="1" t="s">
        <v>56</v>
      </c>
      <c r="Q33" s="1" t="s">
        <v>57</v>
      </c>
      <c r="R33" s="1" t="s">
        <v>159</v>
      </c>
      <c r="S33" s="1" t="s">
        <v>75</v>
      </c>
      <c r="T33" s="1" t="s">
        <v>59</v>
      </c>
      <c r="U33" s="1">
        <v>11.8</v>
      </c>
      <c r="V33" s="1"/>
      <c r="W33" s="1"/>
      <c r="X33" s="1"/>
      <c r="Y33" s="1"/>
      <c r="Z33" s="1"/>
      <c r="AA33" t="s">
        <v>971</v>
      </c>
      <c r="AB33" t="s">
        <v>971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16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356</v>
      </c>
      <c r="B34" s="2">
        <v>0.41666666666666669</v>
      </c>
      <c r="C34" s="1" t="s">
        <v>885</v>
      </c>
      <c r="D34" s="1" t="s">
        <v>68</v>
      </c>
      <c r="E34" s="1" t="s">
        <v>28</v>
      </c>
      <c r="F34" s="1" t="s">
        <v>357</v>
      </c>
      <c r="G34" s="1" t="s">
        <v>358</v>
      </c>
      <c r="H34" s="1" t="s">
        <v>298</v>
      </c>
      <c r="I34" s="1" t="s">
        <v>359</v>
      </c>
      <c r="J34" s="1" t="s">
        <v>212</v>
      </c>
      <c r="K34" s="1" t="s">
        <v>360</v>
      </c>
      <c r="L34" s="1" t="s">
        <v>361</v>
      </c>
      <c r="N34" s="1" t="s">
        <v>35</v>
      </c>
      <c r="O34" s="1" t="s">
        <v>203</v>
      </c>
      <c r="P34" s="1" t="s">
        <v>56</v>
      </c>
      <c r="Q34" s="1" t="s">
        <v>99</v>
      </c>
      <c r="R34" s="1" t="s">
        <v>196</v>
      </c>
      <c r="S34" s="1" t="s">
        <v>244</v>
      </c>
      <c r="T34" s="1" t="s">
        <v>181</v>
      </c>
      <c r="U34" s="1">
        <v>12.4</v>
      </c>
      <c r="V34" s="3">
        <v>79</v>
      </c>
      <c r="W34" s="1" t="s">
        <v>929</v>
      </c>
      <c r="X34" s="1">
        <v>0.94</v>
      </c>
      <c r="Y34" s="1">
        <v>4.5999999999999999E-2</v>
      </c>
      <c r="Z34" s="1">
        <v>2E-3</v>
      </c>
      <c r="AA34" t="s">
        <v>970</v>
      </c>
      <c r="AB34" t="s">
        <v>940</v>
      </c>
      <c r="AC34" s="1" t="s">
        <v>923</v>
      </c>
      <c r="AD34" s="1" t="s">
        <v>924</v>
      </c>
      <c r="AE34" s="1" t="s">
        <v>927</v>
      </c>
      <c r="AF34" s="1" t="s">
        <v>926</v>
      </c>
      <c r="AG34" s="1" t="s">
        <v>927</v>
      </c>
      <c r="AH34" s="1" t="s">
        <v>925</v>
      </c>
      <c r="AI34" s="1"/>
      <c r="AJ34" s="1" t="s">
        <v>925</v>
      </c>
      <c r="AK34" s="1" t="s">
        <v>930</v>
      </c>
      <c r="AL34" s="1" t="s">
        <v>930</v>
      </c>
      <c r="AM34" s="1" t="s">
        <v>930</v>
      </c>
      <c r="AN34" s="1" t="s">
        <v>930</v>
      </c>
      <c r="AO34" s="1" t="s">
        <v>930</v>
      </c>
      <c r="AP34" t="s">
        <v>930</v>
      </c>
      <c r="AQ34" s="1" t="s">
        <v>930</v>
      </c>
      <c r="AR34" s="1" t="s">
        <v>930</v>
      </c>
      <c r="AS34" s="1" t="s">
        <v>930</v>
      </c>
      <c r="AT34" s="1" t="s">
        <v>939</v>
      </c>
      <c r="AU34" s="1" t="s">
        <v>925</v>
      </c>
      <c r="AV34" s="1" t="s">
        <v>923</v>
      </c>
      <c r="AW34" s="1" t="s">
        <v>923</v>
      </c>
      <c r="AX34" s="1" t="s">
        <v>930</v>
      </c>
      <c r="AY34" s="1" t="s">
        <v>937</v>
      </c>
      <c r="AZ34" s="1">
        <v>7.0000000000000007E-2</v>
      </c>
      <c r="BA34" s="1" t="s">
        <v>926</v>
      </c>
      <c r="BB34" s="1" t="s">
        <v>938</v>
      </c>
      <c r="BC34" s="1">
        <v>0.78</v>
      </c>
      <c r="BD34" s="1">
        <v>0.83</v>
      </c>
      <c r="BE34" t="s">
        <v>927</v>
      </c>
      <c r="BF34" s="1" t="s">
        <v>927</v>
      </c>
      <c r="BG34" s="1" t="s">
        <v>927</v>
      </c>
      <c r="BH34" s="1" t="s">
        <v>926</v>
      </c>
      <c r="BI34" s="1" t="s">
        <v>924</v>
      </c>
      <c r="BJ34" s="1" t="s">
        <v>926</v>
      </c>
      <c r="BK34" s="1" t="s">
        <v>925</v>
      </c>
      <c r="BL34" s="1" t="s">
        <v>947</v>
      </c>
      <c r="BM34" s="1" t="s">
        <v>945</v>
      </c>
      <c r="BN34" s="1">
        <v>8.9999999999999993E-3</v>
      </c>
      <c r="BO34" s="1">
        <v>14</v>
      </c>
      <c r="BP34" s="1">
        <v>4.4000000000000004</v>
      </c>
      <c r="BQ34" s="1"/>
      <c r="BR34" s="1" t="s">
        <v>946</v>
      </c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B35" s="2">
        <v>0.75</v>
      </c>
      <c r="C35" s="1" t="s">
        <v>885</v>
      </c>
      <c r="D35" s="1" t="s">
        <v>68</v>
      </c>
      <c r="E35" s="1" t="s">
        <v>28</v>
      </c>
      <c r="F35" s="1" t="s">
        <v>117</v>
      </c>
      <c r="G35" s="1" t="s">
        <v>178</v>
      </c>
      <c r="H35" s="1" t="s">
        <v>298</v>
      </c>
      <c r="I35" s="1" t="s">
        <v>362</v>
      </c>
      <c r="J35" s="1" t="s">
        <v>223</v>
      </c>
      <c r="K35" s="1" t="s">
        <v>275</v>
      </c>
      <c r="L35" s="1" t="s">
        <v>363</v>
      </c>
      <c r="N35" s="1" t="s">
        <v>35</v>
      </c>
      <c r="O35" s="1" t="s">
        <v>203</v>
      </c>
      <c r="P35" s="1" t="s">
        <v>56</v>
      </c>
      <c r="Q35" s="1" t="s">
        <v>91</v>
      </c>
      <c r="R35" s="1" t="s">
        <v>75</v>
      </c>
      <c r="S35" s="1" t="s">
        <v>364</v>
      </c>
      <c r="T35" s="1" t="s">
        <v>181</v>
      </c>
      <c r="U35" s="1">
        <v>12.4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14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365</v>
      </c>
      <c r="B36" s="2">
        <v>8.3333333333333329E-2</v>
      </c>
      <c r="C36" s="1" t="s">
        <v>885</v>
      </c>
      <c r="D36" s="1" t="s">
        <v>68</v>
      </c>
      <c r="E36" s="1" t="s">
        <v>28</v>
      </c>
      <c r="F36" s="1" t="s">
        <v>172</v>
      </c>
      <c r="G36" s="1" t="s">
        <v>366</v>
      </c>
      <c r="H36" s="1" t="s">
        <v>298</v>
      </c>
      <c r="I36" s="1" t="s">
        <v>367</v>
      </c>
      <c r="J36" s="1" t="s">
        <v>223</v>
      </c>
      <c r="K36" s="1" t="s">
        <v>368</v>
      </c>
      <c r="L36" s="1" t="s">
        <v>346</v>
      </c>
      <c r="N36" s="1" t="s">
        <v>35</v>
      </c>
      <c r="O36" s="1" t="s">
        <v>203</v>
      </c>
      <c r="P36" s="1" t="s">
        <v>56</v>
      </c>
      <c r="Q36" s="1" t="s">
        <v>99</v>
      </c>
      <c r="R36" s="1" t="s">
        <v>196</v>
      </c>
      <c r="S36" s="1" t="s">
        <v>92</v>
      </c>
      <c r="T36" s="1" t="s">
        <v>126</v>
      </c>
      <c r="U36" s="1">
        <v>11.7</v>
      </c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>
        <v>14</v>
      </c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97</v>
      </c>
      <c r="B37" s="2">
        <v>0.41666666666666669</v>
      </c>
      <c r="C37" s="1" t="s">
        <v>885</v>
      </c>
      <c r="D37" s="1" t="s">
        <v>68</v>
      </c>
      <c r="E37" s="1" t="s">
        <v>887</v>
      </c>
      <c r="F37" s="1" t="s">
        <v>369</v>
      </c>
      <c r="G37" s="1" t="s">
        <v>370</v>
      </c>
      <c r="H37" s="1" t="s">
        <v>248</v>
      </c>
      <c r="I37" s="1" t="s">
        <v>371</v>
      </c>
      <c r="J37" s="1" t="s">
        <v>212</v>
      </c>
      <c r="K37" s="1" t="s">
        <v>243</v>
      </c>
      <c r="L37" s="1" t="s">
        <v>372</v>
      </c>
      <c r="N37" s="1" t="s">
        <v>35</v>
      </c>
      <c r="O37" s="1" t="s">
        <v>203</v>
      </c>
      <c r="P37" s="1" t="s">
        <v>56</v>
      </c>
      <c r="Q37" s="1" t="s">
        <v>99</v>
      </c>
      <c r="R37" s="1" t="s">
        <v>82</v>
      </c>
      <c r="S37" s="1" t="s">
        <v>373</v>
      </c>
      <c r="T37" s="1" t="s">
        <v>145</v>
      </c>
      <c r="U37" s="1">
        <v>11.9</v>
      </c>
      <c r="V37" s="3">
        <v>49</v>
      </c>
      <c r="W37" s="1"/>
      <c r="X37" s="1">
        <v>0.91</v>
      </c>
      <c r="Y37" s="1">
        <v>3.7999999999999999E-2</v>
      </c>
      <c r="Z37" s="1">
        <v>1E-3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 t="s">
        <v>938</v>
      </c>
      <c r="BC37" s="1">
        <v>0.74</v>
      </c>
      <c r="BD37" s="1">
        <v>0.79</v>
      </c>
      <c r="BF37" s="1"/>
      <c r="BG37" s="1"/>
      <c r="BH37" s="1"/>
      <c r="BI37" s="1"/>
      <c r="BJ37" s="1"/>
      <c r="BK37" s="1"/>
      <c r="BL37" s="1"/>
      <c r="BM37" s="1">
        <v>0.1</v>
      </c>
      <c r="BN37" s="1">
        <v>0.01</v>
      </c>
      <c r="BO37" s="1">
        <v>14</v>
      </c>
      <c r="BP37" s="1">
        <v>4.8</v>
      </c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75</v>
      </c>
      <c r="C38" s="1" t="s">
        <v>885</v>
      </c>
      <c r="D38" s="1" t="s">
        <v>68</v>
      </c>
      <c r="E38" s="1" t="s">
        <v>887</v>
      </c>
      <c r="F38" s="1" t="s">
        <v>374</v>
      </c>
      <c r="G38" s="1" t="s">
        <v>375</v>
      </c>
      <c r="H38" s="1" t="s">
        <v>248</v>
      </c>
      <c r="I38" s="1" t="s">
        <v>376</v>
      </c>
      <c r="J38" s="1" t="s">
        <v>217</v>
      </c>
      <c r="K38" s="1" t="s">
        <v>377</v>
      </c>
      <c r="L38" s="1" t="s">
        <v>378</v>
      </c>
      <c r="N38" s="1" t="s">
        <v>35</v>
      </c>
      <c r="O38" s="1" t="s">
        <v>203</v>
      </c>
      <c r="P38" s="1" t="s">
        <v>56</v>
      </c>
      <c r="Q38" s="1" t="s">
        <v>99</v>
      </c>
      <c r="R38" s="1" t="s">
        <v>82</v>
      </c>
      <c r="S38" s="1" t="s">
        <v>204</v>
      </c>
      <c r="T38" s="1" t="s">
        <v>126</v>
      </c>
      <c r="U38" s="1">
        <v>11.6</v>
      </c>
      <c r="V38" s="1"/>
      <c r="W38" s="1"/>
      <c r="X38" s="1"/>
      <c r="Y38" s="1"/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14</v>
      </c>
      <c r="BP38" s="1"/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79</v>
      </c>
      <c r="B39" s="2">
        <v>8.3333333333333329E-2</v>
      </c>
      <c r="C39" s="1" t="s">
        <v>885</v>
      </c>
      <c r="D39" s="1" t="s">
        <v>153</v>
      </c>
      <c r="E39" s="1" t="s">
        <v>887</v>
      </c>
      <c r="F39" s="1" t="s">
        <v>380</v>
      </c>
      <c r="G39" s="1" t="s">
        <v>380</v>
      </c>
      <c r="H39" s="1" t="s">
        <v>221</v>
      </c>
      <c r="I39" s="1" t="s">
        <v>381</v>
      </c>
      <c r="J39" s="1" t="s">
        <v>223</v>
      </c>
      <c r="K39" s="1" t="s">
        <v>377</v>
      </c>
      <c r="L39" s="1" t="s">
        <v>290</v>
      </c>
      <c r="N39" s="1" t="s">
        <v>35</v>
      </c>
      <c r="O39" s="1" t="s">
        <v>203</v>
      </c>
      <c r="P39" s="1" t="s">
        <v>56</v>
      </c>
      <c r="Q39" s="1" t="s">
        <v>57</v>
      </c>
      <c r="R39" s="1" t="s">
        <v>48</v>
      </c>
      <c r="S39" s="1" t="s">
        <v>137</v>
      </c>
      <c r="T39" s="1" t="s">
        <v>191</v>
      </c>
      <c r="U39" s="1">
        <v>11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16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60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4</v>
      </c>
      <c r="C1" s="1" t="s">
        <v>1</v>
      </c>
      <c r="D1" s="1" t="s">
        <v>891</v>
      </c>
      <c r="E1" s="1" t="s">
        <v>2</v>
      </c>
      <c r="F1" s="1" t="s">
        <v>876</v>
      </c>
      <c r="G1" s="1" t="s">
        <v>3</v>
      </c>
      <c r="H1" s="1" t="s">
        <v>89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0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61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5208333333333334</v>
      </c>
      <c r="C4" s="1" t="s">
        <v>893</v>
      </c>
      <c r="D4" s="1" t="s">
        <v>68</v>
      </c>
      <c r="E4" s="1" t="s">
        <v>28</v>
      </c>
      <c r="F4" s="1" t="s">
        <v>382</v>
      </c>
      <c r="G4" s="1" t="s">
        <v>210</v>
      </c>
      <c r="I4" s="1" t="s">
        <v>383</v>
      </c>
      <c r="J4" s="1" t="s">
        <v>384</v>
      </c>
      <c r="K4" s="1" t="s">
        <v>385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99</v>
      </c>
      <c r="R4" s="1" t="s">
        <v>118</v>
      </c>
      <c r="S4" s="1" t="s">
        <v>189</v>
      </c>
      <c r="T4" s="1" t="s">
        <v>110</v>
      </c>
      <c r="U4" s="1">
        <v>10.9</v>
      </c>
      <c r="V4" s="3">
        <v>790</v>
      </c>
      <c r="W4" s="1"/>
      <c r="X4" s="1">
        <v>1.2</v>
      </c>
      <c r="Y4" s="1">
        <v>0.0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924</v>
      </c>
      <c r="BC4" s="1">
        <v>1</v>
      </c>
      <c r="BD4" s="1">
        <v>1</v>
      </c>
      <c r="BE4" s="1"/>
      <c r="BF4" s="1"/>
      <c r="BG4" s="1"/>
      <c r="BH4" s="1"/>
      <c r="BI4" s="1"/>
      <c r="BJ4" s="1"/>
      <c r="BK4" s="1"/>
      <c r="BL4" s="1"/>
      <c r="BM4" s="1" t="s">
        <v>945</v>
      </c>
      <c r="BN4" s="1">
        <v>0.02</v>
      </c>
      <c r="BO4" s="1">
        <v>13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386</v>
      </c>
      <c r="B5" s="2">
        <v>0.46180555555555558</v>
      </c>
      <c r="C5" s="1" t="s">
        <v>893</v>
      </c>
      <c r="D5" s="1" t="s">
        <v>387</v>
      </c>
      <c r="E5" s="1" t="s">
        <v>28</v>
      </c>
      <c r="F5" s="1" t="s">
        <v>388</v>
      </c>
      <c r="G5" s="1" t="s">
        <v>134</v>
      </c>
      <c r="I5" s="1" t="s">
        <v>389</v>
      </c>
      <c r="J5" s="1" t="s">
        <v>271</v>
      </c>
      <c r="K5" s="1" t="s">
        <v>390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91</v>
      </c>
      <c r="R5" s="1" t="s">
        <v>47</v>
      </c>
      <c r="S5" s="1" t="s">
        <v>83</v>
      </c>
      <c r="U5" s="1">
        <v>11.1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3</v>
      </c>
      <c r="BP5" s="1">
        <v>3.6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91</v>
      </c>
      <c r="B6" s="2">
        <v>0.45347222222222222</v>
      </c>
      <c r="C6" s="1" t="s">
        <v>893</v>
      </c>
      <c r="D6" s="1" t="s">
        <v>27</v>
      </c>
      <c r="E6" s="1" t="s">
        <v>28</v>
      </c>
      <c r="F6" s="1" t="s">
        <v>392</v>
      </c>
      <c r="G6" s="1" t="s">
        <v>120</v>
      </c>
      <c r="I6" s="1" t="s">
        <v>393</v>
      </c>
      <c r="J6" s="1" t="s">
        <v>384</v>
      </c>
      <c r="K6" s="1" t="s">
        <v>394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38</v>
      </c>
      <c r="R6" s="1" t="s">
        <v>152</v>
      </c>
      <c r="S6" s="1" t="s">
        <v>83</v>
      </c>
      <c r="T6" s="1" t="s">
        <v>110</v>
      </c>
      <c r="U6" s="1">
        <v>10</v>
      </c>
      <c r="V6" s="3">
        <v>1300</v>
      </c>
      <c r="W6" s="1"/>
      <c r="X6" s="1">
        <v>0.95</v>
      </c>
      <c r="Y6" s="1">
        <v>2.800000000000000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924</v>
      </c>
      <c r="BC6" s="1">
        <v>0.75</v>
      </c>
      <c r="BD6" s="1">
        <v>0.8</v>
      </c>
      <c r="BE6" s="1"/>
      <c r="BF6" s="1"/>
      <c r="BG6" s="1"/>
      <c r="BH6" s="1"/>
      <c r="BI6" s="1"/>
      <c r="BJ6" s="1"/>
      <c r="BK6" s="1"/>
      <c r="BL6" s="1"/>
      <c r="BM6" s="1" t="s">
        <v>945</v>
      </c>
      <c r="BN6" s="1">
        <v>1.7000000000000001E-2</v>
      </c>
      <c r="BO6" s="1">
        <v>13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84</v>
      </c>
      <c r="B7" s="2">
        <v>0.45208333333333334</v>
      </c>
      <c r="C7" s="1" t="s">
        <v>893</v>
      </c>
      <c r="D7" s="1" t="s">
        <v>68</v>
      </c>
      <c r="E7" s="1" t="s">
        <v>28</v>
      </c>
      <c r="F7" s="1" t="s">
        <v>395</v>
      </c>
      <c r="G7" s="1" t="s">
        <v>396</v>
      </c>
      <c r="I7" s="1" t="s">
        <v>397</v>
      </c>
      <c r="J7" s="1" t="s">
        <v>398</v>
      </c>
      <c r="K7" s="1" t="s">
        <v>399</v>
      </c>
      <c r="L7" s="1" t="s">
        <v>34</v>
      </c>
      <c r="N7" s="1" t="s">
        <v>35</v>
      </c>
      <c r="O7" s="1" t="s">
        <v>74</v>
      </c>
      <c r="P7" s="1" t="s">
        <v>56</v>
      </c>
      <c r="Q7" s="1" t="s">
        <v>38</v>
      </c>
      <c r="R7" s="1" t="s">
        <v>47</v>
      </c>
      <c r="S7" s="1" t="s">
        <v>196</v>
      </c>
      <c r="U7" s="1">
        <v>9.6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925</v>
      </c>
      <c r="AV7" s="1" t="s">
        <v>923</v>
      </c>
      <c r="AW7" s="1" t="s">
        <v>923</v>
      </c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3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00</v>
      </c>
      <c r="B8" s="2">
        <v>0.4368055555555555</v>
      </c>
      <c r="C8" s="1" t="s">
        <v>893</v>
      </c>
      <c r="D8" s="1" t="s">
        <v>27</v>
      </c>
      <c r="E8" s="1" t="s">
        <v>28</v>
      </c>
      <c r="F8" s="1" t="s">
        <v>395</v>
      </c>
      <c r="G8" s="1" t="s">
        <v>401</v>
      </c>
      <c r="I8" s="1" t="s">
        <v>402</v>
      </c>
      <c r="J8" s="1" t="s">
        <v>384</v>
      </c>
      <c r="K8" s="1" t="s">
        <v>403</v>
      </c>
      <c r="L8" s="1" t="s">
        <v>34</v>
      </c>
      <c r="N8" s="1" t="s">
        <v>35</v>
      </c>
      <c r="O8" s="1" t="s">
        <v>74</v>
      </c>
      <c r="P8" s="1" t="s">
        <v>56</v>
      </c>
      <c r="Q8" s="1" t="s">
        <v>99</v>
      </c>
      <c r="R8" s="1" t="s">
        <v>404</v>
      </c>
      <c r="S8" s="1" t="s">
        <v>82</v>
      </c>
      <c r="T8" s="1" t="s">
        <v>41</v>
      </c>
      <c r="U8" s="1">
        <v>9.6</v>
      </c>
      <c r="V8" s="3">
        <v>3300</v>
      </c>
      <c r="W8" s="1"/>
      <c r="X8" s="1">
        <v>1.1000000000000001</v>
      </c>
      <c r="Y8" s="1">
        <v>2.3E-2</v>
      </c>
      <c r="Z8" s="1"/>
      <c r="AA8" s="1"/>
      <c r="AB8" s="1"/>
      <c r="AC8" s="1" t="s">
        <v>923</v>
      </c>
      <c r="AD8" s="1" t="s">
        <v>924</v>
      </c>
      <c r="AE8" s="1" t="s">
        <v>925</v>
      </c>
      <c r="AF8" s="1" t="s">
        <v>926</v>
      </c>
      <c r="AG8" s="1" t="s">
        <v>925</v>
      </c>
      <c r="AH8" s="1" t="s">
        <v>925</v>
      </c>
      <c r="AI8" s="1"/>
      <c r="AJ8" s="1"/>
      <c r="AK8" s="1" t="s">
        <v>930</v>
      </c>
      <c r="AL8" s="1" t="s">
        <v>930</v>
      </c>
      <c r="AM8" s="1" t="s">
        <v>930</v>
      </c>
      <c r="AN8" s="1" t="s">
        <v>930</v>
      </c>
      <c r="AO8" s="1" t="s">
        <v>930</v>
      </c>
      <c r="AP8" t="s">
        <v>930</v>
      </c>
      <c r="AQ8" s="1" t="s">
        <v>930</v>
      </c>
      <c r="AR8" s="1" t="s">
        <v>930</v>
      </c>
      <c r="AS8" s="1" t="s">
        <v>930</v>
      </c>
      <c r="AT8" s="1" t="s">
        <v>939</v>
      </c>
      <c r="AU8" s="1"/>
      <c r="AV8" s="1"/>
      <c r="AW8" s="1"/>
      <c r="AX8" s="1" t="s">
        <v>930</v>
      </c>
      <c r="AY8" s="1" t="s">
        <v>925</v>
      </c>
      <c r="AZ8" s="1">
        <v>0.05</v>
      </c>
      <c r="BA8" s="1">
        <v>1.2999999999999999E-2</v>
      </c>
      <c r="BB8" s="1" t="s">
        <v>924</v>
      </c>
      <c r="BC8" s="1">
        <v>0.69</v>
      </c>
      <c r="BD8" s="1">
        <v>0.74</v>
      </c>
      <c r="BE8" s="1" t="s">
        <v>927</v>
      </c>
      <c r="BF8" s="1"/>
      <c r="BG8" s="1"/>
      <c r="BH8" s="1"/>
      <c r="BI8" s="1"/>
      <c r="BJ8" s="1"/>
      <c r="BK8" s="1"/>
      <c r="BL8" s="1"/>
      <c r="BM8" s="1" t="s">
        <v>945</v>
      </c>
      <c r="BN8" s="1">
        <v>1.6E-2</v>
      </c>
      <c r="BO8" s="1">
        <v>13</v>
      </c>
      <c r="BP8" s="1">
        <v>2.9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119</v>
      </c>
      <c r="B9" s="2">
        <v>0.4375</v>
      </c>
      <c r="C9" s="1" t="s">
        <v>893</v>
      </c>
      <c r="D9" s="1" t="s">
        <v>27</v>
      </c>
      <c r="E9" s="1" t="s">
        <v>887</v>
      </c>
      <c r="F9" s="1" t="s">
        <v>405</v>
      </c>
      <c r="G9" s="1" t="s">
        <v>121</v>
      </c>
      <c r="I9" s="1" t="s">
        <v>406</v>
      </c>
      <c r="J9" s="1" t="s">
        <v>407</v>
      </c>
      <c r="K9" s="1" t="s">
        <v>408</v>
      </c>
      <c r="L9" s="1" t="s">
        <v>34</v>
      </c>
      <c r="N9" s="1" t="s">
        <v>35</v>
      </c>
      <c r="O9" s="1" t="s">
        <v>74</v>
      </c>
      <c r="P9" s="1" t="s">
        <v>56</v>
      </c>
      <c r="Q9" s="1" t="s">
        <v>99</v>
      </c>
      <c r="R9" s="1" t="s">
        <v>118</v>
      </c>
      <c r="S9" s="1" t="s">
        <v>196</v>
      </c>
      <c r="U9" s="1">
        <v>9.4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 t="s">
        <v>971</v>
      </c>
      <c r="BF9" s="1"/>
      <c r="BG9" s="1"/>
      <c r="BH9" s="1"/>
      <c r="BI9" s="1"/>
      <c r="BJ9" s="1"/>
      <c r="BK9" s="1"/>
      <c r="BL9" s="1"/>
      <c r="BM9" s="1"/>
      <c r="BN9" s="1"/>
      <c r="BO9" s="1">
        <v>1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409</v>
      </c>
      <c r="B10" s="2">
        <v>0.45208333333333334</v>
      </c>
      <c r="C10" s="1" t="s">
        <v>893</v>
      </c>
      <c r="D10" s="1" t="s">
        <v>68</v>
      </c>
      <c r="E10" s="1" t="s">
        <v>28</v>
      </c>
      <c r="F10" s="1" t="s">
        <v>410</v>
      </c>
      <c r="G10" s="1" t="s">
        <v>411</v>
      </c>
      <c r="I10" s="1" t="s">
        <v>412</v>
      </c>
      <c r="J10" s="1" t="s">
        <v>271</v>
      </c>
      <c r="K10" s="1" t="s">
        <v>354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144</v>
      </c>
      <c r="R10" s="1" t="s">
        <v>177</v>
      </c>
      <c r="S10" s="1" t="s">
        <v>58</v>
      </c>
      <c r="T10" s="1" t="s">
        <v>110</v>
      </c>
      <c r="U10" s="1">
        <v>10.1</v>
      </c>
      <c r="V10" s="3">
        <v>1300</v>
      </c>
      <c r="W10" s="1"/>
      <c r="X10" s="1">
        <v>1.5</v>
      </c>
      <c r="Y10" s="1">
        <v>3.5000000000000003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924</v>
      </c>
      <c r="BC10" s="1">
        <v>1.1000000000000001</v>
      </c>
      <c r="BD10" s="1">
        <v>1.1000000000000001</v>
      </c>
      <c r="BE10" s="1" t="s">
        <v>971</v>
      </c>
      <c r="BF10" s="1" t="s">
        <v>927</v>
      </c>
      <c r="BG10" s="1">
        <v>1E-3</v>
      </c>
      <c r="BH10" s="1">
        <v>0.03</v>
      </c>
      <c r="BI10" s="1">
        <v>8.9999999999999998E-4</v>
      </c>
      <c r="BJ10" s="1"/>
      <c r="BK10" s="1"/>
      <c r="BL10" s="1" t="s">
        <v>931</v>
      </c>
      <c r="BM10" s="1" t="s">
        <v>945</v>
      </c>
      <c r="BN10" s="1">
        <v>2.5999999999999999E-2</v>
      </c>
      <c r="BO10" s="1">
        <v>14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413</v>
      </c>
      <c r="B11" s="2">
        <v>0.43055555555555558</v>
      </c>
      <c r="C11" s="1" t="s">
        <v>893</v>
      </c>
      <c r="D11" s="1" t="s">
        <v>68</v>
      </c>
      <c r="E11" s="1" t="s">
        <v>887</v>
      </c>
      <c r="F11" s="1" t="s">
        <v>414</v>
      </c>
      <c r="G11" s="1" t="s">
        <v>220</v>
      </c>
      <c r="I11" s="1" t="s">
        <v>415</v>
      </c>
      <c r="J11" s="1" t="s">
        <v>271</v>
      </c>
      <c r="K11" s="1" t="s">
        <v>390</v>
      </c>
      <c r="L11" s="1" t="s">
        <v>34</v>
      </c>
      <c r="N11" s="1" t="s">
        <v>35</v>
      </c>
      <c r="O11" s="1" t="s">
        <v>74</v>
      </c>
      <c r="P11" s="1" t="s">
        <v>56</v>
      </c>
      <c r="Q11" s="1" t="s">
        <v>38</v>
      </c>
      <c r="R11" s="1" t="s">
        <v>132</v>
      </c>
      <c r="S11" s="1" t="s">
        <v>416</v>
      </c>
      <c r="U11" s="1">
        <v>10.6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 t="s">
        <v>971</v>
      </c>
      <c r="BF11" s="1"/>
      <c r="BG11" s="1"/>
      <c r="BH11" s="1"/>
      <c r="BI11" s="1"/>
      <c r="BJ11" s="1"/>
      <c r="BK11" s="1"/>
      <c r="BL11" s="1"/>
      <c r="BM11" s="1"/>
      <c r="BN11" s="1"/>
      <c r="BO11" s="1">
        <v>15</v>
      </c>
      <c r="BP11" s="1">
        <v>4.0999999999999996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61</v>
      </c>
      <c r="B12" s="2">
        <v>0.44444444444444442</v>
      </c>
      <c r="C12" s="1" t="s">
        <v>893</v>
      </c>
      <c r="D12" s="1" t="s">
        <v>68</v>
      </c>
      <c r="E12" s="1" t="s">
        <v>887</v>
      </c>
      <c r="F12" s="1" t="s">
        <v>214</v>
      </c>
      <c r="G12" s="1" t="s">
        <v>417</v>
      </c>
      <c r="I12" s="1" t="s">
        <v>211</v>
      </c>
      <c r="J12" s="1" t="s">
        <v>418</v>
      </c>
      <c r="K12" s="1" t="s">
        <v>261</v>
      </c>
      <c r="L12" s="1" t="s">
        <v>34</v>
      </c>
      <c r="N12" s="1" t="s">
        <v>35</v>
      </c>
      <c r="O12" s="1" t="s">
        <v>74</v>
      </c>
      <c r="P12" s="1" t="s">
        <v>56</v>
      </c>
      <c r="Q12" s="1" t="s">
        <v>99</v>
      </c>
      <c r="R12" s="1" t="s">
        <v>404</v>
      </c>
      <c r="S12" s="1" t="s">
        <v>75</v>
      </c>
      <c r="T12" s="1" t="s">
        <v>126</v>
      </c>
      <c r="U12" s="1">
        <v>9.8000000000000007</v>
      </c>
      <c r="V12" s="3">
        <v>2400</v>
      </c>
      <c r="W12" s="1"/>
      <c r="X12" s="1">
        <v>1.8</v>
      </c>
      <c r="Y12" s="1">
        <v>0.05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924</v>
      </c>
      <c r="BC12" s="1">
        <v>1.2</v>
      </c>
      <c r="BD12" s="1">
        <v>1.2</v>
      </c>
      <c r="BE12" s="1" t="s">
        <v>971</v>
      </c>
      <c r="BF12" s="1"/>
      <c r="BG12" s="1"/>
      <c r="BH12" s="1"/>
      <c r="BI12" s="1"/>
      <c r="BJ12" s="1"/>
      <c r="BK12" s="1"/>
      <c r="BL12" s="1"/>
      <c r="BM12" s="1" t="s">
        <v>945</v>
      </c>
      <c r="BN12" s="1">
        <v>3.6999999999999998E-2</v>
      </c>
      <c r="BO12" s="1">
        <v>15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71</v>
      </c>
      <c r="B13" s="2">
        <v>0.44791666666666669</v>
      </c>
      <c r="C13" s="1" t="s">
        <v>893</v>
      </c>
      <c r="D13" s="1" t="s">
        <v>387</v>
      </c>
      <c r="E13" s="1" t="s">
        <v>28</v>
      </c>
      <c r="F13" s="1" t="s">
        <v>419</v>
      </c>
      <c r="G13" s="1" t="s">
        <v>188</v>
      </c>
      <c r="I13" s="1" t="s">
        <v>420</v>
      </c>
      <c r="J13" s="1" t="s">
        <v>254</v>
      </c>
      <c r="K13" s="1" t="s">
        <v>221</v>
      </c>
      <c r="L13" s="1" t="s">
        <v>421</v>
      </c>
      <c r="N13" s="1" t="s">
        <v>35</v>
      </c>
      <c r="O13" s="1" t="s">
        <v>74</v>
      </c>
      <c r="P13" s="1" t="s">
        <v>56</v>
      </c>
      <c r="Q13" s="1" t="s">
        <v>38</v>
      </c>
      <c r="R13" s="1" t="s">
        <v>159</v>
      </c>
      <c r="S13" s="1" t="s">
        <v>39</v>
      </c>
      <c r="U13" s="1">
        <v>11.9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 t="s">
        <v>971</v>
      </c>
      <c r="BF13" s="1"/>
      <c r="BG13" s="1"/>
      <c r="BH13" s="1"/>
      <c r="BI13" s="1"/>
      <c r="BJ13" s="1"/>
      <c r="BK13" s="1"/>
      <c r="BL13" s="1"/>
      <c r="BM13" s="1"/>
      <c r="BN13" s="1"/>
      <c r="BO13" s="1">
        <v>15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422</v>
      </c>
      <c r="B14" s="2">
        <v>0.46527777777777773</v>
      </c>
      <c r="C14" s="1" t="s">
        <v>893</v>
      </c>
      <c r="D14" s="1" t="s">
        <v>68</v>
      </c>
      <c r="E14" s="1" t="s">
        <v>887</v>
      </c>
      <c r="F14" s="1" t="s">
        <v>57</v>
      </c>
      <c r="G14" s="1" t="s">
        <v>192</v>
      </c>
      <c r="I14" s="1" t="s">
        <v>423</v>
      </c>
      <c r="J14" s="1" t="s">
        <v>407</v>
      </c>
      <c r="K14" s="1" t="s">
        <v>408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57</v>
      </c>
      <c r="R14" s="1" t="s">
        <v>132</v>
      </c>
      <c r="S14" s="1" t="s">
        <v>244</v>
      </c>
      <c r="T14" s="1" t="s">
        <v>191</v>
      </c>
      <c r="U14" s="1">
        <v>11.8</v>
      </c>
      <c r="V14" s="3">
        <v>3300</v>
      </c>
      <c r="W14" s="1"/>
      <c r="X14" s="1">
        <v>1.2</v>
      </c>
      <c r="Y14" s="1">
        <v>3.9E-2</v>
      </c>
      <c r="Z14" s="1"/>
      <c r="AA14" s="1"/>
      <c r="AB14" s="1"/>
      <c r="AC14" s="1" t="s">
        <v>923</v>
      </c>
      <c r="AD14" s="1" t="s">
        <v>924</v>
      </c>
      <c r="AE14" s="1" t="s">
        <v>925</v>
      </c>
      <c r="AF14" s="1" t="s">
        <v>926</v>
      </c>
      <c r="AG14" s="1" t="s">
        <v>925</v>
      </c>
      <c r="AH14" s="1" t="s">
        <v>925</v>
      </c>
      <c r="AI14" s="1"/>
      <c r="AJ14" s="1"/>
      <c r="AK14" s="1" t="s">
        <v>930</v>
      </c>
      <c r="AL14" s="1" t="s">
        <v>930</v>
      </c>
      <c r="AM14" s="1" t="s">
        <v>930</v>
      </c>
      <c r="AN14" s="1" t="s">
        <v>930</v>
      </c>
      <c r="AO14" s="1" t="s">
        <v>930</v>
      </c>
      <c r="AP14" t="s">
        <v>930</v>
      </c>
      <c r="AQ14" s="1" t="s">
        <v>930</v>
      </c>
      <c r="AR14" s="1" t="s">
        <v>930</v>
      </c>
      <c r="AS14" s="1" t="s">
        <v>930</v>
      </c>
      <c r="AT14" s="1" t="s">
        <v>939</v>
      </c>
      <c r="AU14" s="1"/>
      <c r="AV14" s="1"/>
      <c r="AW14" s="1"/>
      <c r="AX14" s="1" t="s">
        <v>930</v>
      </c>
      <c r="AY14" s="1" t="s">
        <v>925</v>
      </c>
      <c r="AZ14" s="1">
        <v>0.06</v>
      </c>
      <c r="BA14" s="1">
        <v>1.2E-2</v>
      </c>
      <c r="BB14" s="1" t="s">
        <v>924</v>
      </c>
      <c r="BC14" s="1">
        <v>1</v>
      </c>
      <c r="BD14" s="1">
        <v>1</v>
      </c>
      <c r="BE14" s="1" t="s">
        <v>927</v>
      </c>
      <c r="BF14" s="1"/>
      <c r="BG14" s="1"/>
      <c r="BH14" s="1"/>
      <c r="BI14" s="1"/>
      <c r="BJ14" s="1"/>
      <c r="BK14" s="1"/>
      <c r="BL14" s="1"/>
      <c r="BM14" s="1" t="s">
        <v>945</v>
      </c>
      <c r="BN14" s="1">
        <v>2.4E-2</v>
      </c>
      <c r="BO14" s="1">
        <v>13</v>
      </c>
      <c r="BP14" s="1">
        <v>3.9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97</v>
      </c>
      <c r="B15" s="2">
        <v>0.43194444444444446</v>
      </c>
      <c r="C15" s="1" t="s">
        <v>893</v>
      </c>
      <c r="D15" s="1" t="s">
        <v>68</v>
      </c>
      <c r="E15" s="1" t="s">
        <v>887</v>
      </c>
      <c r="F15" s="1" t="s">
        <v>424</v>
      </c>
      <c r="G15" s="1" t="s">
        <v>425</v>
      </c>
      <c r="I15" s="1" t="s">
        <v>426</v>
      </c>
      <c r="J15" s="1" t="s">
        <v>271</v>
      </c>
      <c r="K15" s="1" t="s">
        <v>390</v>
      </c>
      <c r="L15" s="1" t="s">
        <v>34</v>
      </c>
      <c r="N15" s="1" t="s">
        <v>35</v>
      </c>
      <c r="O15" s="1" t="s">
        <v>74</v>
      </c>
      <c r="P15" s="1" t="s">
        <v>56</v>
      </c>
      <c r="Q15" s="1" t="s">
        <v>99</v>
      </c>
      <c r="R15" s="1" t="s">
        <v>47</v>
      </c>
      <c r="S15" s="1" t="s">
        <v>40</v>
      </c>
      <c r="U15" s="1">
        <v>11.2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925</v>
      </c>
      <c r="AV15" s="1" t="s">
        <v>923</v>
      </c>
      <c r="AW15" s="1" t="s">
        <v>923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5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9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4</v>
      </c>
      <c r="C1" s="1" t="s">
        <v>1</v>
      </c>
      <c r="D1" s="1" t="s">
        <v>894</v>
      </c>
      <c r="E1" s="1" t="s">
        <v>2</v>
      </c>
      <c r="F1" s="1" t="s">
        <v>876</v>
      </c>
      <c r="G1" s="1" t="s">
        <v>3</v>
      </c>
      <c r="H1" s="1" t="s">
        <v>89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6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743055555555555</v>
      </c>
      <c r="C4" s="1" t="s">
        <v>885</v>
      </c>
      <c r="D4" s="1" t="s">
        <v>68</v>
      </c>
      <c r="E4" s="1" t="s">
        <v>28</v>
      </c>
      <c r="F4" s="1" t="s">
        <v>321</v>
      </c>
      <c r="G4" s="1" t="s">
        <v>155</v>
      </c>
      <c r="I4" s="1" t="s">
        <v>427</v>
      </c>
      <c r="J4" s="1" t="s">
        <v>418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57</v>
      </c>
      <c r="R4" s="1" t="s">
        <v>159</v>
      </c>
      <c r="S4" s="1" t="s">
        <v>92</v>
      </c>
      <c r="T4" s="1" t="s">
        <v>110</v>
      </c>
      <c r="U4" s="1">
        <v>10.3</v>
      </c>
      <c r="V4" s="3">
        <v>1300</v>
      </c>
      <c r="W4" s="1"/>
      <c r="X4" s="1">
        <v>1.2</v>
      </c>
      <c r="Y4" s="1">
        <v>3.3000000000000002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924</v>
      </c>
      <c r="BC4" s="1">
        <v>1</v>
      </c>
      <c r="BD4" s="1">
        <v>1</v>
      </c>
      <c r="BE4" s="1"/>
      <c r="BF4" s="1"/>
      <c r="BG4" s="1"/>
      <c r="BH4" s="1"/>
      <c r="BI4" s="1"/>
      <c r="BJ4" s="1"/>
      <c r="BK4" s="1"/>
      <c r="BL4" s="1"/>
      <c r="BM4" s="1" t="s">
        <v>945</v>
      </c>
      <c r="BN4" s="1">
        <v>1.9E-2</v>
      </c>
      <c r="BO4" s="1">
        <v>14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8819444444444453</v>
      </c>
      <c r="C5" s="1" t="s">
        <v>885</v>
      </c>
      <c r="D5" s="1" t="s">
        <v>68</v>
      </c>
      <c r="E5" s="1" t="s">
        <v>28</v>
      </c>
      <c r="F5" s="1" t="s">
        <v>428</v>
      </c>
      <c r="G5" s="1" t="s">
        <v>155</v>
      </c>
      <c r="I5" s="1" t="s">
        <v>429</v>
      </c>
      <c r="J5" s="1" t="s">
        <v>418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91</v>
      </c>
      <c r="R5" s="1" t="s">
        <v>159</v>
      </c>
      <c r="S5" s="1" t="s">
        <v>160</v>
      </c>
      <c r="U5" s="1">
        <v>10.9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5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386</v>
      </c>
      <c r="B6" s="2">
        <v>0.3972222222222222</v>
      </c>
      <c r="C6" s="1" t="s">
        <v>885</v>
      </c>
      <c r="D6" s="1" t="s">
        <v>387</v>
      </c>
      <c r="E6" s="1" t="s">
        <v>28</v>
      </c>
      <c r="F6" s="1" t="s">
        <v>93</v>
      </c>
      <c r="G6" s="1" t="s">
        <v>430</v>
      </c>
      <c r="I6" s="1" t="s">
        <v>431</v>
      </c>
      <c r="J6" s="1" t="s">
        <v>418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57</v>
      </c>
      <c r="R6" s="1" t="s">
        <v>159</v>
      </c>
      <c r="S6" s="1" t="s">
        <v>75</v>
      </c>
      <c r="U6" s="1">
        <v>10.1</v>
      </c>
      <c r="V6" s="1"/>
      <c r="W6" s="1"/>
      <c r="X6" s="1">
        <v>0.94</v>
      </c>
      <c r="Y6" s="1">
        <v>3.5000000000000003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924</v>
      </c>
      <c r="BC6" s="1">
        <v>0.78</v>
      </c>
      <c r="BD6" s="1">
        <v>0.83</v>
      </c>
      <c r="BE6" s="1"/>
      <c r="BF6" s="1"/>
      <c r="BG6" s="1"/>
      <c r="BH6" s="1"/>
      <c r="BI6" s="1"/>
      <c r="BJ6" s="1"/>
      <c r="BK6" s="1"/>
      <c r="BL6" s="1"/>
      <c r="BM6" s="1" t="s">
        <v>945</v>
      </c>
      <c r="BN6" s="1">
        <v>1.6E-2</v>
      </c>
      <c r="BO6" s="1">
        <v>14</v>
      </c>
      <c r="BP6" s="1">
        <v>4.9000000000000004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3680555555555547</v>
      </c>
      <c r="C7" s="1" t="s">
        <v>885</v>
      </c>
      <c r="D7" s="1" t="s">
        <v>387</v>
      </c>
      <c r="E7" s="1" t="s">
        <v>28</v>
      </c>
      <c r="F7" s="1" t="s">
        <v>432</v>
      </c>
      <c r="G7" s="1" t="s">
        <v>433</v>
      </c>
      <c r="I7" s="1" t="s">
        <v>434</v>
      </c>
      <c r="J7" s="1" t="s">
        <v>418</v>
      </c>
      <c r="L7" s="1" t="s">
        <v>34</v>
      </c>
      <c r="N7" s="1" t="s">
        <v>35</v>
      </c>
      <c r="O7" s="1" t="s">
        <v>74</v>
      </c>
      <c r="P7" s="1" t="s">
        <v>56</v>
      </c>
      <c r="Q7" s="1" t="s">
        <v>198</v>
      </c>
      <c r="R7" s="1" t="s">
        <v>159</v>
      </c>
      <c r="S7" s="1" t="s">
        <v>160</v>
      </c>
      <c r="U7" s="1">
        <v>10.6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3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391</v>
      </c>
      <c r="B8" s="2">
        <v>0.37708333333333338</v>
      </c>
      <c r="C8" s="1" t="s">
        <v>885</v>
      </c>
      <c r="D8" s="1" t="s">
        <v>27</v>
      </c>
      <c r="E8" s="1" t="s">
        <v>28</v>
      </c>
      <c r="F8" s="1" t="s">
        <v>435</v>
      </c>
      <c r="G8" s="1" t="s">
        <v>436</v>
      </c>
      <c r="I8" s="1" t="s">
        <v>437</v>
      </c>
      <c r="J8" s="1" t="s">
        <v>418</v>
      </c>
      <c r="L8" s="1" t="s">
        <v>34</v>
      </c>
      <c r="N8" s="1" t="s">
        <v>35</v>
      </c>
      <c r="O8" s="1" t="s">
        <v>74</v>
      </c>
      <c r="P8" s="1" t="s">
        <v>56</v>
      </c>
      <c r="Q8" s="1" t="s">
        <v>99</v>
      </c>
      <c r="R8" s="1" t="s">
        <v>152</v>
      </c>
      <c r="S8" s="1" t="s">
        <v>160</v>
      </c>
      <c r="T8" s="1" t="s">
        <v>126</v>
      </c>
      <c r="U8" s="1">
        <v>8.4</v>
      </c>
      <c r="V8" s="3">
        <v>7900</v>
      </c>
      <c r="W8" s="1"/>
      <c r="X8" s="1">
        <v>1</v>
      </c>
      <c r="Y8" s="1">
        <v>3.5000000000000003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924</v>
      </c>
      <c r="BC8" s="1">
        <v>0.72</v>
      </c>
      <c r="BD8" s="1">
        <v>0.77</v>
      </c>
      <c r="BE8" s="1"/>
      <c r="BF8" s="1"/>
      <c r="BG8" s="1"/>
      <c r="BH8" s="1"/>
      <c r="BI8" s="1"/>
      <c r="BJ8" s="1"/>
      <c r="BK8" s="1"/>
      <c r="BL8" s="1"/>
      <c r="BM8" s="1" t="s">
        <v>945</v>
      </c>
      <c r="BN8" s="1">
        <v>1.9E-2</v>
      </c>
      <c r="BO8" s="1">
        <v>14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354166666666667</v>
      </c>
      <c r="C9" s="1" t="s">
        <v>885</v>
      </c>
      <c r="D9" s="1" t="s">
        <v>27</v>
      </c>
      <c r="E9" s="1" t="s">
        <v>28</v>
      </c>
      <c r="F9" s="1" t="s">
        <v>69</v>
      </c>
      <c r="G9" s="1" t="s">
        <v>438</v>
      </c>
      <c r="I9" s="1" t="s">
        <v>439</v>
      </c>
      <c r="J9" s="1" t="s">
        <v>418</v>
      </c>
      <c r="L9" s="1" t="s">
        <v>34</v>
      </c>
      <c r="N9" s="1" t="s">
        <v>35</v>
      </c>
      <c r="O9" s="1" t="s">
        <v>74</v>
      </c>
      <c r="P9" s="1" t="s">
        <v>37</v>
      </c>
      <c r="Q9" s="1" t="s">
        <v>178</v>
      </c>
      <c r="R9" s="1" t="s">
        <v>118</v>
      </c>
      <c r="S9" s="1" t="s">
        <v>244</v>
      </c>
      <c r="U9" s="1">
        <v>10.4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4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7777777777777777</v>
      </c>
      <c r="C10" s="1" t="s">
        <v>885</v>
      </c>
      <c r="D10" s="1" t="s">
        <v>68</v>
      </c>
      <c r="E10" s="1" t="s">
        <v>28</v>
      </c>
      <c r="F10" s="1" t="s">
        <v>278</v>
      </c>
      <c r="G10" s="1" t="s">
        <v>440</v>
      </c>
      <c r="I10" s="1" t="s">
        <v>441</v>
      </c>
      <c r="J10" s="1" t="s">
        <v>418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99</v>
      </c>
      <c r="R10" s="1" t="s">
        <v>152</v>
      </c>
      <c r="S10" s="1" t="s">
        <v>244</v>
      </c>
      <c r="U10" s="1">
        <v>8.1999999999999993</v>
      </c>
      <c r="V10" s="1"/>
      <c r="W10" s="1"/>
      <c r="X10" s="1">
        <v>0.78</v>
      </c>
      <c r="Y10" s="1">
        <v>3.7999999999999999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925</v>
      </c>
      <c r="AV10" s="1" t="s">
        <v>923</v>
      </c>
      <c r="AW10" s="1" t="s">
        <v>923</v>
      </c>
      <c r="AX10" s="1"/>
      <c r="AY10" s="1"/>
      <c r="AZ10" s="1"/>
      <c r="BA10" s="1"/>
      <c r="BB10" s="1" t="s">
        <v>924</v>
      </c>
      <c r="BC10" s="1">
        <v>0.63</v>
      </c>
      <c r="BD10" s="1">
        <v>0.68</v>
      </c>
      <c r="BE10" s="1"/>
      <c r="BF10" s="1"/>
      <c r="BG10" s="1"/>
      <c r="BH10" s="1"/>
      <c r="BI10" s="1"/>
      <c r="BJ10" s="1"/>
      <c r="BK10" s="1" t="s">
        <v>925</v>
      </c>
      <c r="BL10" s="1"/>
      <c r="BM10" s="1" t="s">
        <v>945</v>
      </c>
      <c r="BN10" s="1">
        <v>0.02</v>
      </c>
      <c r="BO10" s="1">
        <v>15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9166666666666663</v>
      </c>
      <c r="C11" s="1" t="s">
        <v>885</v>
      </c>
      <c r="D11" s="1" t="s">
        <v>27</v>
      </c>
      <c r="E11" s="1" t="s">
        <v>28</v>
      </c>
      <c r="F11" s="1" t="s">
        <v>392</v>
      </c>
      <c r="G11" s="1" t="s">
        <v>442</v>
      </c>
      <c r="I11" s="1" t="s">
        <v>443</v>
      </c>
      <c r="J11" s="1" t="s">
        <v>418</v>
      </c>
      <c r="L11" s="1" t="s">
        <v>34</v>
      </c>
      <c r="N11" s="1" t="s">
        <v>35</v>
      </c>
      <c r="O11" s="1" t="s">
        <v>74</v>
      </c>
      <c r="P11" s="1" t="s">
        <v>37</v>
      </c>
      <c r="Q11" s="1" t="s">
        <v>444</v>
      </c>
      <c r="R11" s="1" t="s">
        <v>132</v>
      </c>
      <c r="S11" s="1" t="s">
        <v>373</v>
      </c>
      <c r="U11" s="1">
        <v>10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5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00</v>
      </c>
      <c r="B12" s="2">
        <v>0.375</v>
      </c>
      <c r="C12" s="1" t="s">
        <v>885</v>
      </c>
      <c r="D12" s="1" t="s">
        <v>27</v>
      </c>
      <c r="E12" s="1" t="s">
        <v>28</v>
      </c>
      <c r="F12" s="1" t="s">
        <v>445</v>
      </c>
      <c r="G12" s="1" t="s">
        <v>234</v>
      </c>
      <c r="I12" s="1" t="s">
        <v>446</v>
      </c>
      <c r="J12" s="1" t="s">
        <v>418</v>
      </c>
      <c r="L12" s="1" t="s">
        <v>34</v>
      </c>
      <c r="N12" s="1" t="s">
        <v>35</v>
      </c>
      <c r="O12" s="1" t="s">
        <v>74</v>
      </c>
      <c r="P12" s="1" t="s">
        <v>56</v>
      </c>
      <c r="Q12" s="1" t="s">
        <v>57</v>
      </c>
      <c r="R12" s="1" t="s">
        <v>118</v>
      </c>
      <c r="S12" s="1" t="s">
        <v>82</v>
      </c>
      <c r="T12" s="1" t="s">
        <v>181</v>
      </c>
      <c r="U12" s="1">
        <v>8.6</v>
      </c>
      <c r="V12" s="3">
        <v>7900</v>
      </c>
      <c r="W12" s="1" t="s">
        <v>929</v>
      </c>
      <c r="X12" s="1">
        <v>1</v>
      </c>
      <c r="Y12" s="1">
        <v>2.5999999999999999E-2</v>
      </c>
      <c r="Z12" s="1">
        <v>1.0999999999999999E-2</v>
      </c>
      <c r="AA12" s="1" t="s">
        <v>970</v>
      </c>
      <c r="AB12" s="1" t="s">
        <v>972</v>
      </c>
      <c r="AC12" s="1" t="s">
        <v>923</v>
      </c>
      <c r="AD12" s="1" t="s">
        <v>924</v>
      </c>
      <c r="AE12" s="1" t="s">
        <v>925</v>
      </c>
      <c r="AF12" s="1" t="s">
        <v>926</v>
      </c>
      <c r="AG12" s="1" t="s">
        <v>925</v>
      </c>
      <c r="AH12" s="1" t="s">
        <v>925</v>
      </c>
      <c r="AI12" s="1"/>
      <c r="AJ12" s="1" t="s">
        <v>925</v>
      </c>
      <c r="AK12" s="1" t="s">
        <v>930</v>
      </c>
      <c r="AL12" s="1" t="s">
        <v>930</v>
      </c>
      <c r="AM12" s="1" t="s">
        <v>930</v>
      </c>
      <c r="AN12" s="1" t="s">
        <v>930</v>
      </c>
      <c r="AO12" s="1" t="s">
        <v>930</v>
      </c>
      <c r="AP12" t="s">
        <v>930</v>
      </c>
      <c r="AQ12" s="1" t="s">
        <v>930</v>
      </c>
      <c r="AR12" s="1" t="s">
        <v>930</v>
      </c>
      <c r="AS12" s="1" t="s">
        <v>930</v>
      </c>
      <c r="AT12" s="1" t="s">
        <v>939</v>
      </c>
      <c r="AU12" s="1"/>
      <c r="AV12" s="1"/>
      <c r="AW12" s="1"/>
      <c r="AX12" s="1" t="s">
        <v>930</v>
      </c>
      <c r="AY12" s="1" t="s">
        <v>925</v>
      </c>
      <c r="AZ12" s="1">
        <v>7.0000000000000007E-2</v>
      </c>
      <c r="BA12" s="1">
        <v>1.2999999999999999E-2</v>
      </c>
      <c r="BB12" s="1" t="s">
        <v>924</v>
      </c>
      <c r="BC12" s="1">
        <v>0.73</v>
      </c>
      <c r="BD12" s="1">
        <v>0.78</v>
      </c>
      <c r="BE12" s="1" t="s">
        <v>927</v>
      </c>
      <c r="BF12" s="1"/>
      <c r="BG12" s="1"/>
      <c r="BH12" s="1"/>
      <c r="BI12" s="1"/>
      <c r="BJ12" s="1"/>
      <c r="BK12" s="1"/>
      <c r="BL12" s="1"/>
      <c r="BM12" s="1" t="s">
        <v>945</v>
      </c>
      <c r="BN12" s="1">
        <v>1.6E-2</v>
      </c>
      <c r="BO12" s="1">
        <v>14</v>
      </c>
      <c r="BP12" s="1">
        <v>3.7</v>
      </c>
      <c r="BQ12" s="1"/>
      <c r="BR12" s="1"/>
      <c r="BS12" s="1"/>
      <c r="BT12" s="1"/>
      <c r="BU12" s="1">
        <v>1.2999999999999999E-2</v>
      </c>
      <c r="BV12" s="1">
        <v>8.8999999999999999E-3</v>
      </c>
      <c r="BW12" s="1">
        <v>3.3E-3</v>
      </c>
      <c r="BX12" s="1">
        <v>6.9999999999999999E-4</v>
      </c>
      <c r="BY12" s="1" t="s">
        <v>928</v>
      </c>
      <c r="BZ12" s="1"/>
    </row>
    <row r="13" spans="1:78" x14ac:dyDescent="0.15">
      <c r="B13" s="2">
        <v>0.83333333333333337</v>
      </c>
      <c r="C13" s="1" t="s">
        <v>885</v>
      </c>
      <c r="D13" s="1" t="s">
        <v>27</v>
      </c>
      <c r="E13" s="1" t="s">
        <v>28</v>
      </c>
      <c r="F13" s="1" t="s">
        <v>392</v>
      </c>
      <c r="G13" s="1" t="s">
        <v>447</v>
      </c>
      <c r="I13" s="1" t="s">
        <v>448</v>
      </c>
      <c r="J13" s="1" t="s">
        <v>418</v>
      </c>
      <c r="L13" s="1" t="s">
        <v>34</v>
      </c>
      <c r="N13" s="1" t="s">
        <v>35</v>
      </c>
      <c r="O13" s="1" t="s">
        <v>74</v>
      </c>
      <c r="P13" s="1" t="s">
        <v>37</v>
      </c>
      <c r="Q13" s="1" t="s">
        <v>188</v>
      </c>
      <c r="R13" s="1" t="s">
        <v>132</v>
      </c>
      <c r="S13" s="1" t="s">
        <v>75</v>
      </c>
      <c r="U13" s="1">
        <v>10.8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4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9</v>
      </c>
      <c r="B14" s="2">
        <v>0.375</v>
      </c>
      <c r="C14" s="1" t="s">
        <v>885</v>
      </c>
      <c r="D14" s="1" t="s">
        <v>68</v>
      </c>
      <c r="E14" s="1" t="s">
        <v>28</v>
      </c>
      <c r="F14" s="1" t="s">
        <v>449</v>
      </c>
      <c r="G14" s="1" t="s">
        <v>450</v>
      </c>
      <c r="I14" s="1" t="s">
        <v>451</v>
      </c>
      <c r="J14" s="1" t="s">
        <v>418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57</v>
      </c>
      <c r="R14" s="1" t="s">
        <v>118</v>
      </c>
      <c r="S14" s="1" t="s">
        <v>75</v>
      </c>
      <c r="U14" s="1">
        <v>9</v>
      </c>
      <c r="V14" s="1"/>
      <c r="W14" s="1"/>
      <c r="X14" s="1">
        <v>1</v>
      </c>
      <c r="Y14" s="1">
        <v>3.9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924</v>
      </c>
      <c r="BC14" s="1">
        <v>0.92</v>
      </c>
      <c r="BD14" s="1">
        <v>0.97</v>
      </c>
      <c r="BE14" s="1"/>
      <c r="BF14" s="1"/>
      <c r="BG14" s="1"/>
      <c r="BH14" s="1"/>
      <c r="BI14" s="1"/>
      <c r="BJ14" s="1"/>
      <c r="BK14" s="1"/>
      <c r="BL14" s="1"/>
      <c r="BM14" s="1" t="s">
        <v>945</v>
      </c>
      <c r="BN14" s="1">
        <v>2.5000000000000001E-2</v>
      </c>
      <c r="BO14" s="1">
        <v>13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3680555555555547</v>
      </c>
      <c r="C15" s="1" t="s">
        <v>885</v>
      </c>
      <c r="D15" s="1" t="s">
        <v>27</v>
      </c>
      <c r="E15" s="1" t="s">
        <v>28</v>
      </c>
      <c r="F15" s="1" t="s">
        <v>433</v>
      </c>
      <c r="G15" s="1" t="s">
        <v>452</v>
      </c>
      <c r="I15" s="1" t="s">
        <v>453</v>
      </c>
      <c r="J15" s="1" t="s">
        <v>418</v>
      </c>
      <c r="L15" s="1" t="s">
        <v>34</v>
      </c>
      <c r="N15" s="1" t="s">
        <v>35</v>
      </c>
      <c r="O15" s="1" t="s">
        <v>74</v>
      </c>
      <c r="P15" s="1" t="s">
        <v>37</v>
      </c>
      <c r="Q15" s="1" t="s">
        <v>38</v>
      </c>
      <c r="R15" s="1" t="s">
        <v>132</v>
      </c>
      <c r="S15" s="1" t="s">
        <v>83</v>
      </c>
      <c r="U15" s="1">
        <v>9.6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4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409</v>
      </c>
      <c r="B16" s="2">
        <v>0.375</v>
      </c>
      <c r="C16" s="1" t="s">
        <v>885</v>
      </c>
      <c r="D16" s="1" t="s">
        <v>68</v>
      </c>
      <c r="E16" s="1" t="s">
        <v>28</v>
      </c>
      <c r="F16" s="1" t="s">
        <v>454</v>
      </c>
      <c r="G16" s="1" t="s">
        <v>455</v>
      </c>
      <c r="I16" s="1" t="s">
        <v>456</v>
      </c>
      <c r="J16" s="1" t="s">
        <v>418</v>
      </c>
      <c r="L16" s="1" t="s">
        <v>34</v>
      </c>
      <c r="N16" s="1" t="s">
        <v>35</v>
      </c>
      <c r="O16" s="1" t="s">
        <v>74</v>
      </c>
      <c r="P16" s="1" t="s">
        <v>56</v>
      </c>
      <c r="Q16" s="1" t="s">
        <v>144</v>
      </c>
      <c r="R16" s="1" t="s">
        <v>177</v>
      </c>
      <c r="S16" s="1" t="s">
        <v>416</v>
      </c>
      <c r="T16" s="1" t="s">
        <v>126</v>
      </c>
      <c r="U16" s="1">
        <v>9.9</v>
      </c>
      <c r="V16" s="3">
        <v>330</v>
      </c>
      <c r="W16" s="1"/>
      <c r="X16" s="1">
        <v>1.4</v>
      </c>
      <c r="Y16" s="1">
        <v>3.5000000000000003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924</v>
      </c>
      <c r="BC16" s="1">
        <v>1.1000000000000001</v>
      </c>
      <c r="BD16" s="1">
        <v>1.1000000000000001</v>
      </c>
      <c r="BE16" s="1"/>
      <c r="BF16" s="1" t="s">
        <v>927</v>
      </c>
      <c r="BG16" s="1">
        <v>1.5E-3</v>
      </c>
      <c r="BH16" s="1">
        <v>0.05</v>
      </c>
      <c r="BI16" s="1">
        <v>1.1999999999999999E-3</v>
      </c>
      <c r="BJ16" s="1" t="s">
        <v>927</v>
      </c>
      <c r="BK16" s="1"/>
      <c r="BL16" s="1" t="s">
        <v>931</v>
      </c>
      <c r="BM16" s="1" t="s">
        <v>945</v>
      </c>
      <c r="BN16" s="1">
        <v>2.4E-2</v>
      </c>
      <c r="BO16" s="1">
        <v>14</v>
      </c>
      <c r="BP16" s="1"/>
      <c r="BQ16" s="1"/>
      <c r="BR16" s="1" t="s">
        <v>946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0208333333333337</v>
      </c>
      <c r="C17" s="1" t="s">
        <v>885</v>
      </c>
      <c r="D17" s="1" t="s">
        <v>68</v>
      </c>
      <c r="E17" s="1" t="s">
        <v>28</v>
      </c>
      <c r="F17" s="1" t="s">
        <v>455</v>
      </c>
      <c r="G17" s="1" t="s">
        <v>382</v>
      </c>
      <c r="I17" s="1" t="s">
        <v>457</v>
      </c>
      <c r="J17" s="1" t="s">
        <v>418</v>
      </c>
      <c r="L17" s="1" t="s">
        <v>34</v>
      </c>
      <c r="N17" s="1" t="s">
        <v>35</v>
      </c>
      <c r="O17" s="1" t="s">
        <v>74</v>
      </c>
      <c r="P17" s="1" t="s">
        <v>56</v>
      </c>
      <c r="Q17" s="1" t="s">
        <v>99</v>
      </c>
      <c r="R17" s="1" t="s">
        <v>109</v>
      </c>
      <c r="S17" s="1" t="s">
        <v>83</v>
      </c>
      <c r="U17" s="1">
        <v>10.6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5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413</v>
      </c>
      <c r="B18" s="2">
        <v>0.375</v>
      </c>
      <c r="C18" s="1" t="s">
        <v>885</v>
      </c>
      <c r="D18" s="1" t="s">
        <v>68</v>
      </c>
      <c r="E18" s="1" t="s">
        <v>886</v>
      </c>
      <c r="F18" s="1" t="s">
        <v>29</v>
      </c>
      <c r="G18" s="1" t="s">
        <v>458</v>
      </c>
      <c r="I18" s="1" t="s">
        <v>459</v>
      </c>
      <c r="J18" s="1" t="s">
        <v>418</v>
      </c>
      <c r="L18" s="1" t="s">
        <v>34</v>
      </c>
      <c r="N18" s="1" t="s">
        <v>35</v>
      </c>
      <c r="O18" s="1" t="s">
        <v>74</v>
      </c>
      <c r="P18" s="1" t="s">
        <v>56</v>
      </c>
      <c r="Q18" s="1" t="s">
        <v>99</v>
      </c>
      <c r="R18" s="1" t="s">
        <v>47</v>
      </c>
      <c r="S18" s="1" t="s">
        <v>82</v>
      </c>
      <c r="U18" s="1">
        <v>9.4</v>
      </c>
      <c r="V18" s="1"/>
      <c r="W18" s="1"/>
      <c r="X18" s="1">
        <v>1.4</v>
      </c>
      <c r="Y18" s="1">
        <v>3.2000000000000001E-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924</v>
      </c>
      <c r="BC18" s="1">
        <v>1.1000000000000001</v>
      </c>
      <c r="BD18" s="1">
        <v>1.1000000000000001</v>
      </c>
      <c r="BE18" s="1"/>
      <c r="BF18" s="1"/>
      <c r="BG18" s="1"/>
      <c r="BH18" s="1"/>
      <c r="BI18" s="1"/>
      <c r="BJ18" s="1"/>
      <c r="BK18" s="1"/>
      <c r="BL18" s="1"/>
      <c r="BM18" s="1" t="s">
        <v>945</v>
      </c>
      <c r="BN18" s="1">
        <v>2.1000000000000001E-2</v>
      </c>
      <c r="BO18" s="1">
        <v>15</v>
      </c>
      <c r="BP18" s="1">
        <v>4.5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2291666666666663</v>
      </c>
      <c r="C19" s="1" t="s">
        <v>885</v>
      </c>
      <c r="D19" s="1" t="s">
        <v>27</v>
      </c>
      <c r="E19" s="1" t="s">
        <v>886</v>
      </c>
      <c r="F19" s="1" t="s">
        <v>460</v>
      </c>
      <c r="G19" s="1" t="s">
        <v>140</v>
      </c>
      <c r="I19" s="1" t="s">
        <v>461</v>
      </c>
      <c r="J19" s="1" t="s">
        <v>418</v>
      </c>
      <c r="L19" s="1" t="s">
        <v>34</v>
      </c>
      <c r="N19" s="1" t="s">
        <v>35</v>
      </c>
      <c r="O19" s="1" t="s">
        <v>74</v>
      </c>
      <c r="P19" s="1" t="s">
        <v>37</v>
      </c>
      <c r="Q19" s="1" t="s">
        <v>198</v>
      </c>
      <c r="R19" s="1" t="s">
        <v>404</v>
      </c>
      <c r="S19" s="1" t="s">
        <v>82</v>
      </c>
      <c r="U19" s="1">
        <v>11.8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5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1</v>
      </c>
      <c r="B20" s="2">
        <v>0.39583333333333331</v>
      </c>
      <c r="C20" s="1" t="s">
        <v>885</v>
      </c>
      <c r="D20" s="1" t="s">
        <v>68</v>
      </c>
      <c r="E20" s="1" t="s">
        <v>886</v>
      </c>
      <c r="F20" s="1" t="s">
        <v>462</v>
      </c>
      <c r="G20" s="1" t="s">
        <v>382</v>
      </c>
      <c r="I20" s="1" t="s">
        <v>463</v>
      </c>
      <c r="J20" s="1" t="s">
        <v>418</v>
      </c>
      <c r="L20" s="1" t="s">
        <v>34</v>
      </c>
      <c r="N20" s="1" t="s">
        <v>35</v>
      </c>
      <c r="O20" s="1" t="s">
        <v>74</v>
      </c>
      <c r="P20" s="1" t="s">
        <v>56</v>
      </c>
      <c r="Q20" s="1" t="s">
        <v>57</v>
      </c>
      <c r="R20" s="1" t="s">
        <v>404</v>
      </c>
      <c r="S20" s="1" t="s">
        <v>189</v>
      </c>
      <c r="T20" s="1" t="s">
        <v>110</v>
      </c>
      <c r="U20" s="1">
        <v>9.3000000000000007</v>
      </c>
      <c r="V20" s="3">
        <v>2400</v>
      </c>
      <c r="W20" s="1"/>
      <c r="X20" s="1">
        <v>1.8</v>
      </c>
      <c r="Y20" s="1">
        <v>4.9000000000000002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924</v>
      </c>
      <c r="BC20" s="1">
        <v>1.1000000000000001</v>
      </c>
      <c r="BD20" s="1">
        <v>1.1000000000000001</v>
      </c>
      <c r="BE20" s="1"/>
      <c r="BF20" s="1"/>
      <c r="BG20" s="1"/>
      <c r="BH20" s="1"/>
      <c r="BI20" s="1"/>
      <c r="BJ20" s="1"/>
      <c r="BK20" s="1"/>
      <c r="BL20" s="1"/>
      <c r="BM20" s="1">
        <v>0.04</v>
      </c>
      <c r="BN20" s="1">
        <v>3.4000000000000002E-2</v>
      </c>
      <c r="BO20" s="1">
        <v>16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125</v>
      </c>
      <c r="C21" s="1" t="s">
        <v>885</v>
      </c>
      <c r="D21" s="1" t="s">
        <v>68</v>
      </c>
      <c r="E21" s="1" t="s">
        <v>886</v>
      </c>
      <c r="F21" s="1" t="s">
        <v>154</v>
      </c>
      <c r="G21" s="1" t="s">
        <v>460</v>
      </c>
      <c r="I21" s="1" t="s">
        <v>397</v>
      </c>
      <c r="J21" s="1" t="s">
        <v>418</v>
      </c>
      <c r="L21" s="1" t="s">
        <v>34</v>
      </c>
      <c r="N21" s="1" t="s">
        <v>35</v>
      </c>
      <c r="O21" s="1" t="s">
        <v>74</v>
      </c>
      <c r="P21" s="1" t="s">
        <v>56</v>
      </c>
      <c r="Q21" s="1" t="s">
        <v>91</v>
      </c>
      <c r="R21" s="1" t="s">
        <v>47</v>
      </c>
      <c r="S21" s="1" t="s">
        <v>48</v>
      </c>
      <c r="U21" s="1">
        <v>11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6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1</v>
      </c>
      <c r="B22" s="2">
        <v>0.38194444444444442</v>
      </c>
      <c r="C22" s="1" t="s">
        <v>885</v>
      </c>
      <c r="D22" s="1" t="s">
        <v>387</v>
      </c>
      <c r="E22" s="1" t="s">
        <v>28</v>
      </c>
      <c r="F22" s="1" t="s">
        <v>464</v>
      </c>
      <c r="G22" s="1" t="s">
        <v>190</v>
      </c>
      <c r="I22" s="1" t="s">
        <v>465</v>
      </c>
      <c r="J22" s="1" t="s">
        <v>418</v>
      </c>
      <c r="L22" s="1" t="s">
        <v>34</v>
      </c>
      <c r="N22" s="1" t="s">
        <v>35</v>
      </c>
      <c r="O22" s="1" t="s">
        <v>74</v>
      </c>
      <c r="P22" s="1" t="s">
        <v>56</v>
      </c>
      <c r="Q22" s="1" t="s">
        <v>38</v>
      </c>
      <c r="R22" s="1" t="s">
        <v>159</v>
      </c>
      <c r="S22" s="1" t="s">
        <v>416</v>
      </c>
      <c r="U22" s="1">
        <v>11.3</v>
      </c>
      <c r="V22" s="1"/>
      <c r="W22" s="1"/>
      <c r="X22" s="1">
        <v>1.3</v>
      </c>
      <c r="Y22" s="1">
        <v>3.7999999999999999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924</v>
      </c>
      <c r="BC22" s="1">
        <v>1.1000000000000001</v>
      </c>
      <c r="BD22" s="1">
        <v>1.1000000000000001</v>
      </c>
      <c r="BE22" s="1"/>
      <c r="BF22" s="1"/>
      <c r="BG22" s="1"/>
      <c r="BH22" s="1"/>
      <c r="BI22" s="1"/>
      <c r="BJ22" s="1"/>
      <c r="BK22" s="1"/>
      <c r="BL22" s="1"/>
      <c r="BM22" s="1" t="s">
        <v>945</v>
      </c>
      <c r="BN22" s="1">
        <v>2.8000000000000001E-2</v>
      </c>
      <c r="BO22" s="1">
        <v>16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3333333333333337</v>
      </c>
      <c r="C23" s="1" t="s">
        <v>885</v>
      </c>
      <c r="D23" s="1" t="s">
        <v>387</v>
      </c>
      <c r="E23" s="1" t="s">
        <v>28</v>
      </c>
      <c r="F23" s="1" t="s">
        <v>466</v>
      </c>
      <c r="G23" s="1" t="s">
        <v>467</v>
      </c>
      <c r="I23" s="1" t="s">
        <v>468</v>
      </c>
      <c r="J23" s="1" t="s">
        <v>418</v>
      </c>
      <c r="L23" s="1" t="s">
        <v>34</v>
      </c>
      <c r="N23" s="1" t="s">
        <v>35</v>
      </c>
      <c r="O23" s="1" t="s">
        <v>74</v>
      </c>
      <c r="P23" s="1" t="s">
        <v>56</v>
      </c>
      <c r="Q23" s="1" t="s">
        <v>91</v>
      </c>
      <c r="R23" s="1" t="s">
        <v>109</v>
      </c>
      <c r="S23" s="1" t="s">
        <v>39</v>
      </c>
      <c r="U23" s="1">
        <v>12.4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5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422</v>
      </c>
      <c r="B24" s="2">
        <v>0.38194444444444442</v>
      </c>
      <c r="C24" s="1" t="s">
        <v>885</v>
      </c>
      <c r="D24" s="1" t="s">
        <v>68</v>
      </c>
      <c r="E24" s="1" t="s">
        <v>887</v>
      </c>
      <c r="F24" s="1" t="s">
        <v>108</v>
      </c>
      <c r="G24" s="1" t="s">
        <v>469</v>
      </c>
      <c r="I24" s="1" t="s">
        <v>470</v>
      </c>
      <c r="J24" s="1" t="s">
        <v>418</v>
      </c>
      <c r="L24" s="1" t="s">
        <v>34</v>
      </c>
      <c r="N24" s="1" t="s">
        <v>35</v>
      </c>
      <c r="O24" s="1" t="s">
        <v>74</v>
      </c>
      <c r="P24" s="1" t="s">
        <v>56</v>
      </c>
      <c r="Q24" s="1" t="s">
        <v>38</v>
      </c>
      <c r="R24" s="1" t="s">
        <v>152</v>
      </c>
      <c r="S24" s="1" t="s">
        <v>48</v>
      </c>
      <c r="T24" s="1" t="s">
        <v>126</v>
      </c>
      <c r="U24" s="1">
        <v>10.5</v>
      </c>
      <c r="V24" s="3">
        <v>1300</v>
      </c>
      <c r="W24" s="1" t="s">
        <v>929</v>
      </c>
      <c r="X24" s="1">
        <v>1.4</v>
      </c>
      <c r="Y24" s="1">
        <v>3.3000000000000002E-2</v>
      </c>
      <c r="Z24" s="1">
        <v>1.8E-3</v>
      </c>
      <c r="AA24" s="1" t="s">
        <v>970</v>
      </c>
      <c r="AB24" s="1" t="s">
        <v>973</v>
      </c>
      <c r="AC24" s="1" t="s">
        <v>923</v>
      </c>
      <c r="AD24" s="1" t="s">
        <v>924</v>
      </c>
      <c r="AE24" s="1" t="s">
        <v>925</v>
      </c>
      <c r="AF24" s="1" t="s">
        <v>926</v>
      </c>
      <c r="AG24" s="1">
        <v>5.0000000000000001E-4</v>
      </c>
      <c r="AH24" s="1" t="s">
        <v>925</v>
      </c>
      <c r="AI24" s="1"/>
      <c r="AJ24" s="1" t="s">
        <v>925</v>
      </c>
      <c r="AK24" s="1" t="s">
        <v>930</v>
      </c>
      <c r="AL24" s="1" t="s">
        <v>930</v>
      </c>
      <c r="AM24" s="1" t="s">
        <v>930</v>
      </c>
      <c r="AN24" s="1" t="s">
        <v>930</v>
      </c>
      <c r="AO24" s="1" t="s">
        <v>930</v>
      </c>
      <c r="AP24" t="s">
        <v>930</v>
      </c>
      <c r="AQ24" s="1" t="s">
        <v>930</v>
      </c>
      <c r="AR24" s="1" t="s">
        <v>930</v>
      </c>
      <c r="AS24" s="1" t="s">
        <v>930</v>
      </c>
      <c r="AT24" s="1" t="s">
        <v>939</v>
      </c>
      <c r="AU24" s="1"/>
      <c r="AV24" s="1"/>
      <c r="AW24" s="1"/>
      <c r="AX24" s="1" t="s">
        <v>930</v>
      </c>
      <c r="AY24" s="1" t="s">
        <v>925</v>
      </c>
      <c r="AZ24" s="1">
        <v>0.08</v>
      </c>
      <c r="BA24" s="1">
        <v>1.4E-2</v>
      </c>
      <c r="BB24" s="1" t="s">
        <v>924</v>
      </c>
      <c r="BC24" s="1">
        <v>1.1000000000000001</v>
      </c>
      <c r="BD24" s="1">
        <v>1.1000000000000001</v>
      </c>
      <c r="BE24" s="1" t="s">
        <v>927</v>
      </c>
      <c r="BF24" s="1"/>
      <c r="BG24" s="1"/>
      <c r="BH24" s="1"/>
      <c r="BI24" s="1"/>
      <c r="BJ24" s="1"/>
      <c r="BK24" s="1"/>
      <c r="BL24" s="1"/>
      <c r="BM24" s="1" t="s">
        <v>945</v>
      </c>
      <c r="BN24" s="1">
        <v>1.7000000000000001E-2</v>
      </c>
      <c r="BO24" s="1">
        <v>15</v>
      </c>
      <c r="BP24" s="1">
        <v>5</v>
      </c>
      <c r="BQ24" s="1"/>
      <c r="BR24" s="1"/>
      <c r="BS24" s="1"/>
      <c r="BT24" s="1"/>
      <c r="BU24" s="1">
        <v>1.6E-2</v>
      </c>
      <c r="BV24" s="1">
        <v>1.4E-2</v>
      </c>
      <c r="BW24" s="1">
        <v>2.0999999999999999E-3</v>
      </c>
      <c r="BX24" s="1">
        <v>1E-4</v>
      </c>
      <c r="BY24" s="1" t="s">
        <v>928</v>
      </c>
      <c r="BZ24" s="1"/>
    </row>
    <row r="25" spans="1:78" x14ac:dyDescent="0.15">
      <c r="B25" s="2">
        <v>0.8125</v>
      </c>
      <c r="C25" s="1" t="s">
        <v>885</v>
      </c>
      <c r="D25" s="1" t="s">
        <v>68</v>
      </c>
      <c r="E25" s="1" t="s">
        <v>887</v>
      </c>
      <c r="F25" s="1" t="s">
        <v>347</v>
      </c>
      <c r="G25" s="1" t="s">
        <v>192</v>
      </c>
      <c r="I25" s="1" t="s">
        <v>471</v>
      </c>
      <c r="J25" s="1" t="s">
        <v>418</v>
      </c>
      <c r="L25" s="1" t="s">
        <v>34</v>
      </c>
      <c r="N25" s="1" t="s">
        <v>35</v>
      </c>
      <c r="O25" s="1" t="s">
        <v>74</v>
      </c>
      <c r="P25" s="1" t="s">
        <v>56</v>
      </c>
      <c r="Q25" s="1" t="s">
        <v>91</v>
      </c>
      <c r="R25" s="1" t="s">
        <v>152</v>
      </c>
      <c r="S25" s="1" t="s">
        <v>160</v>
      </c>
      <c r="U25" s="1">
        <v>12.2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5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7</v>
      </c>
      <c r="B26" s="2">
        <v>0.37708333333333338</v>
      </c>
      <c r="C26" s="1" t="s">
        <v>885</v>
      </c>
      <c r="D26" s="1" t="s">
        <v>68</v>
      </c>
      <c r="E26" s="1" t="s">
        <v>887</v>
      </c>
      <c r="F26" s="1" t="s">
        <v>472</v>
      </c>
      <c r="G26" s="1" t="s">
        <v>183</v>
      </c>
      <c r="I26" s="1" t="s">
        <v>473</v>
      </c>
      <c r="J26" s="1" t="s">
        <v>418</v>
      </c>
      <c r="L26" s="1" t="s">
        <v>34</v>
      </c>
      <c r="N26" s="1" t="s">
        <v>35</v>
      </c>
      <c r="O26" s="1" t="s">
        <v>74</v>
      </c>
      <c r="P26" s="1" t="s">
        <v>56</v>
      </c>
      <c r="Q26" s="1" t="s">
        <v>57</v>
      </c>
      <c r="R26" s="1" t="s">
        <v>152</v>
      </c>
      <c r="S26" s="1" t="s">
        <v>244</v>
      </c>
      <c r="U26" s="1">
        <v>10.7</v>
      </c>
      <c r="V26" s="1"/>
      <c r="W26" s="1"/>
      <c r="X26" s="1">
        <v>1.3</v>
      </c>
      <c r="Y26" s="1">
        <v>4.7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925</v>
      </c>
      <c r="AV26" s="1" t="s">
        <v>923</v>
      </c>
      <c r="AW26" s="1" t="s">
        <v>923</v>
      </c>
      <c r="AX26" s="1"/>
      <c r="AY26" s="1"/>
      <c r="AZ26" s="1"/>
      <c r="BA26" s="1"/>
      <c r="BB26" s="1">
        <v>0.01</v>
      </c>
      <c r="BC26" s="1">
        <v>0.96</v>
      </c>
      <c r="BD26" s="1">
        <v>1</v>
      </c>
      <c r="BE26" s="1"/>
      <c r="BF26" s="1"/>
      <c r="BG26" s="1"/>
      <c r="BH26" s="1"/>
      <c r="BI26" s="1"/>
      <c r="BJ26" s="1"/>
      <c r="BK26" s="1"/>
      <c r="BL26" s="1"/>
      <c r="BM26" s="1">
        <v>0.04</v>
      </c>
      <c r="BN26" s="1">
        <v>2.5000000000000001E-2</v>
      </c>
      <c r="BO26" s="1">
        <v>16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944444444444444</v>
      </c>
      <c r="C27" s="1" t="s">
        <v>885</v>
      </c>
      <c r="D27" s="1" t="s">
        <v>68</v>
      </c>
      <c r="E27" s="1" t="s">
        <v>887</v>
      </c>
      <c r="F27" s="1" t="s">
        <v>374</v>
      </c>
      <c r="G27" s="1" t="s">
        <v>474</v>
      </c>
      <c r="I27" s="1" t="s">
        <v>475</v>
      </c>
      <c r="J27" s="1" t="s">
        <v>418</v>
      </c>
      <c r="L27" s="1" t="s">
        <v>34</v>
      </c>
      <c r="N27" s="1" t="s">
        <v>35</v>
      </c>
      <c r="O27" s="1" t="s">
        <v>74</v>
      </c>
      <c r="P27" s="1" t="s">
        <v>56</v>
      </c>
      <c r="Q27" s="1" t="s">
        <v>91</v>
      </c>
      <c r="R27" s="1" t="s">
        <v>152</v>
      </c>
      <c r="S27" s="1" t="s">
        <v>373</v>
      </c>
      <c r="U27" s="1">
        <v>11.9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6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834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4</v>
      </c>
      <c r="C1" s="1" t="s">
        <v>1</v>
      </c>
      <c r="D1" s="1" t="s">
        <v>895</v>
      </c>
      <c r="E1" s="1" t="s">
        <v>2</v>
      </c>
      <c r="F1" s="1" t="s">
        <v>896</v>
      </c>
      <c r="G1" s="1" t="s">
        <v>3</v>
      </c>
      <c r="H1" s="1" t="s">
        <v>89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5</v>
      </c>
      <c r="AB2" s="1" t="s">
        <v>969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60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17361111111111113</v>
      </c>
      <c r="C4" s="1" t="s">
        <v>885</v>
      </c>
      <c r="D4" s="1" t="s">
        <v>68</v>
      </c>
      <c r="F4" s="1" t="s">
        <v>476</v>
      </c>
      <c r="G4" s="1" t="s">
        <v>477</v>
      </c>
      <c r="J4" s="1" t="s">
        <v>478</v>
      </c>
      <c r="K4" s="1" t="s">
        <v>76</v>
      </c>
      <c r="L4" s="1" t="s">
        <v>34</v>
      </c>
      <c r="O4" s="1" t="s">
        <v>107</v>
      </c>
      <c r="P4" s="1" t="s">
        <v>37</v>
      </c>
      <c r="Q4" s="1" t="s">
        <v>108</v>
      </c>
      <c r="R4" s="1" t="s">
        <v>159</v>
      </c>
      <c r="S4" s="1" t="s">
        <v>479</v>
      </c>
      <c r="T4" s="1" t="s">
        <v>110</v>
      </c>
      <c r="U4" s="1">
        <v>9.4</v>
      </c>
      <c r="V4" s="1">
        <v>2300</v>
      </c>
      <c r="W4" s="1"/>
      <c r="X4" s="1">
        <v>2.9</v>
      </c>
      <c r="Y4" s="1">
        <v>0.13</v>
      </c>
      <c r="Z4" s="1">
        <v>8.0000000000000002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3.1E-2</v>
      </c>
      <c r="BC4" s="1">
        <v>2.4</v>
      </c>
      <c r="BD4" s="1">
        <v>2.4</v>
      </c>
      <c r="BE4" s="1"/>
      <c r="BF4" s="1"/>
      <c r="BG4" s="1"/>
      <c r="BH4" s="1"/>
      <c r="BI4" s="1"/>
      <c r="BJ4" s="1"/>
      <c r="BK4" s="1"/>
      <c r="BL4" s="1"/>
      <c r="BM4" s="1">
        <v>0.1</v>
      </c>
      <c r="BN4" s="1">
        <v>0.1</v>
      </c>
      <c r="BO4" s="1">
        <v>63</v>
      </c>
      <c r="BP4" s="1">
        <v>110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0833333333333337</v>
      </c>
      <c r="C5" s="1" t="s">
        <v>885</v>
      </c>
      <c r="D5" s="1" t="s">
        <v>68</v>
      </c>
      <c r="F5" s="1" t="s">
        <v>333</v>
      </c>
      <c r="G5" s="1" t="s">
        <v>410</v>
      </c>
      <c r="J5" s="1" t="s">
        <v>354</v>
      </c>
      <c r="K5" s="1" t="s">
        <v>244</v>
      </c>
      <c r="L5" s="1" t="s">
        <v>34</v>
      </c>
      <c r="O5" s="1" t="s">
        <v>107</v>
      </c>
      <c r="P5" s="1" t="s">
        <v>37</v>
      </c>
      <c r="Q5" s="1" t="s">
        <v>464</v>
      </c>
      <c r="R5" s="1" t="s">
        <v>47</v>
      </c>
      <c r="T5" s="1" t="s">
        <v>110</v>
      </c>
      <c r="U5" s="1">
        <v>9.6</v>
      </c>
      <c r="V5" s="1"/>
      <c r="W5" s="1"/>
      <c r="X5" s="1">
        <v>3</v>
      </c>
      <c r="Y5" s="1">
        <v>0.16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80</v>
      </c>
      <c r="B6" s="2">
        <v>0.33333333333333331</v>
      </c>
      <c r="C6" s="1" t="s">
        <v>885</v>
      </c>
      <c r="D6" s="1" t="s">
        <v>27</v>
      </c>
      <c r="F6" s="1" t="s">
        <v>481</v>
      </c>
      <c r="G6" s="1" t="s">
        <v>60</v>
      </c>
      <c r="J6" s="1" t="s">
        <v>482</v>
      </c>
      <c r="K6" s="1" t="s">
        <v>483</v>
      </c>
      <c r="L6" s="1" t="s">
        <v>34</v>
      </c>
      <c r="O6" s="1" t="s">
        <v>107</v>
      </c>
      <c r="P6" s="1" t="s">
        <v>37</v>
      </c>
      <c r="Q6" s="1" t="s">
        <v>484</v>
      </c>
      <c r="R6" s="1" t="s">
        <v>416</v>
      </c>
      <c r="S6" s="1" t="s">
        <v>364</v>
      </c>
      <c r="T6" s="1" t="s">
        <v>110</v>
      </c>
      <c r="U6" s="1">
        <v>8.6999999999999993</v>
      </c>
      <c r="V6" s="1">
        <v>1100</v>
      </c>
      <c r="W6" s="1"/>
      <c r="X6" s="1">
        <v>2</v>
      </c>
      <c r="Y6" s="1">
        <v>0.11</v>
      </c>
      <c r="Z6" s="1">
        <v>4.0000000000000001E-3</v>
      </c>
      <c r="AA6" s="1" t="s">
        <v>974</v>
      </c>
      <c r="AB6" s="1" t="s">
        <v>940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3.3000000000000002E-2</v>
      </c>
      <c r="BC6" s="1">
        <v>1.8</v>
      </c>
      <c r="BD6" s="1">
        <v>1.8</v>
      </c>
      <c r="BE6" s="1"/>
      <c r="BF6" s="1"/>
      <c r="BG6" s="1"/>
      <c r="BH6" s="1"/>
      <c r="BI6" s="1"/>
      <c r="BJ6" s="1"/>
      <c r="BK6" s="1"/>
      <c r="BL6" s="1"/>
      <c r="BM6" s="1">
        <v>0.12</v>
      </c>
      <c r="BN6" s="1">
        <v>9.4E-2</v>
      </c>
      <c r="BO6" s="1">
        <v>45</v>
      </c>
      <c r="BP6" s="1">
        <v>74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3333333333333337</v>
      </c>
      <c r="C7" s="1" t="s">
        <v>885</v>
      </c>
      <c r="D7" s="1" t="s">
        <v>27</v>
      </c>
      <c r="F7" s="1" t="s">
        <v>86</v>
      </c>
      <c r="G7" s="1" t="s">
        <v>94</v>
      </c>
      <c r="J7" s="1" t="s">
        <v>88</v>
      </c>
      <c r="K7" s="1" t="s">
        <v>485</v>
      </c>
      <c r="L7" s="1" t="s">
        <v>34</v>
      </c>
      <c r="O7" s="1" t="s">
        <v>107</v>
      </c>
      <c r="P7" s="1" t="s">
        <v>37</v>
      </c>
      <c r="Q7" s="1" t="s">
        <v>486</v>
      </c>
      <c r="R7" s="1" t="s">
        <v>132</v>
      </c>
      <c r="T7" s="1" t="s">
        <v>126</v>
      </c>
      <c r="U7" s="1">
        <v>9.9</v>
      </c>
      <c r="V7" s="1"/>
      <c r="W7" s="1"/>
      <c r="X7" s="1">
        <v>1.6</v>
      </c>
      <c r="Y7" s="1">
        <v>6.3E-2</v>
      </c>
      <c r="Z7" s="1"/>
      <c r="AA7" s="1" t="s">
        <v>971</v>
      </c>
      <c r="AB7" s="1" t="s">
        <v>97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87</v>
      </c>
      <c r="B8" s="2">
        <v>1.7361111111111112E-2</v>
      </c>
      <c r="C8" s="1" t="s">
        <v>885</v>
      </c>
      <c r="D8" s="1" t="s">
        <v>68</v>
      </c>
      <c r="F8" s="1" t="s">
        <v>488</v>
      </c>
      <c r="G8" s="1" t="s">
        <v>489</v>
      </c>
      <c r="J8" s="1" t="s">
        <v>399</v>
      </c>
      <c r="K8" s="1" t="s">
        <v>490</v>
      </c>
      <c r="L8" s="1" t="s">
        <v>34</v>
      </c>
      <c r="O8" s="1" t="s">
        <v>107</v>
      </c>
      <c r="P8" s="1" t="s">
        <v>37</v>
      </c>
      <c r="Q8" s="1" t="s">
        <v>484</v>
      </c>
      <c r="R8" s="1" t="s">
        <v>109</v>
      </c>
      <c r="S8" s="1" t="s">
        <v>364</v>
      </c>
      <c r="T8" s="1" t="s">
        <v>126</v>
      </c>
      <c r="U8" s="1">
        <v>8.5</v>
      </c>
      <c r="V8" s="1">
        <v>3300</v>
      </c>
      <c r="W8" s="1"/>
      <c r="X8" s="1">
        <v>2</v>
      </c>
      <c r="Y8" s="1">
        <v>7.0999999999999994E-2</v>
      </c>
      <c r="Z8" s="1">
        <v>6.0000000000000001E-3</v>
      </c>
      <c r="AA8" s="1" t="s">
        <v>971</v>
      </c>
      <c r="AB8" s="1" t="s">
        <v>971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2.1999999999999999E-2</v>
      </c>
      <c r="BC8" s="1">
        <v>1.9</v>
      </c>
      <c r="BD8" s="1">
        <v>1.9</v>
      </c>
      <c r="BE8" s="1"/>
      <c r="BF8" s="1"/>
      <c r="BG8" s="1"/>
      <c r="BH8" s="1"/>
      <c r="BI8" s="1"/>
      <c r="BJ8" s="1"/>
      <c r="BK8" s="1"/>
      <c r="BL8" s="1"/>
      <c r="BM8" s="1">
        <v>7.0000000000000007E-2</v>
      </c>
      <c r="BN8" s="1">
        <v>5.0999999999999997E-2</v>
      </c>
      <c r="BO8" s="1">
        <v>55</v>
      </c>
      <c r="BP8" s="1">
        <v>10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51736111111111105</v>
      </c>
      <c r="C9" s="1" t="s">
        <v>885</v>
      </c>
      <c r="D9" s="1" t="s">
        <v>153</v>
      </c>
      <c r="F9" s="1" t="s">
        <v>491</v>
      </c>
      <c r="G9" s="1" t="s">
        <v>492</v>
      </c>
      <c r="J9" s="1" t="s">
        <v>493</v>
      </c>
      <c r="K9" s="1" t="s">
        <v>494</v>
      </c>
      <c r="L9" s="1" t="s">
        <v>34</v>
      </c>
      <c r="O9" s="1" t="s">
        <v>107</v>
      </c>
      <c r="P9" s="1" t="s">
        <v>37</v>
      </c>
      <c r="Q9" s="1" t="s">
        <v>484</v>
      </c>
      <c r="R9" s="1" t="s">
        <v>244</v>
      </c>
      <c r="T9" s="1" t="s">
        <v>110</v>
      </c>
      <c r="U9" s="1">
        <v>8</v>
      </c>
      <c r="V9" s="1"/>
      <c r="W9" s="1"/>
      <c r="X9" s="1">
        <v>2.9</v>
      </c>
      <c r="Y9" s="1">
        <v>0.14000000000000001</v>
      </c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75</v>
      </c>
      <c r="C10" s="1" t="s">
        <v>885</v>
      </c>
      <c r="D10" s="1" t="s">
        <v>68</v>
      </c>
      <c r="F10" s="1" t="s">
        <v>495</v>
      </c>
      <c r="G10" s="1" t="s">
        <v>285</v>
      </c>
      <c r="J10" s="1" t="s">
        <v>496</v>
      </c>
      <c r="K10" s="1" t="s">
        <v>497</v>
      </c>
      <c r="L10" s="1" t="s">
        <v>498</v>
      </c>
      <c r="O10" s="1" t="s">
        <v>499</v>
      </c>
      <c r="P10" s="1" t="s">
        <v>37</v>
      </c>
      <c r="Q10" s="1" t="s">
        <v>366</v>
      </c>
      <c r="R10" s="1" t="s">
        <v>500</v>
      </c>
      <c r="S10" s="1" t="s">
        <v>501</v>
      </c>
      <c r="T10" s="1" t="s">
        <v>126</v>
      </c>
      <c r="U10" s="1">
        <v>9.6999999999999993</v>
      </c>
      <c r="V10" s="1">
        <v>1100</v>
      </c>
      <c r="W10" s="1"/>
      <c r="X10" s="1">
        <v>3.8</v>
      </c>
      <c r="Y10" s="1">
        <v>0.25</v>
      </c>
      <c r="Z10" s="1">
        <v>8.0000000000000002E-3</v>
      </c>
      <c r="AA10" s="1" t="s">
        <v>971</v>
      </c>
      <c r="AB10" s="1" t="s">
        <v>971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3.3000000000000002E-2</v>
      </c>
      <c r="BC10" s="1">
        <v>2.5</v>
      </c>
      <c r="BD10" s="1">
        <v>2.5</v>
      </c>
      <c r="BE10" s="1"/>
      <c r="BF10" s="1"/>
      <c r="BG10" s="1"/>
      <c r="BH10" s="1"/>
      <c r="BI10" s="1"/>
      <c r="BJ10" s="1"/>
      <c r="BK10" s="1"/>
      <c r="BL10" s="1"/>
      <c r="BM10" s="1">
        <v>0.06</v>
      </c>
      <c r="BN10" s="1">
        <v>6.0999999999999999E-2</v>
      </c>
      <c r="BO10" s="1">
        <v>170</v>
      </c>
      <c r="BP10" s="1">
        <v>42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0625</v>
      </c>
      <c r="C11" s="1" t="s">
        <v>885</v>
      </c>
      <c r="D11" s="1" t="s">
        <v>68</v>
      </c>
      <c r="F11" s="1" t="s">
        <v>502</v>
      </c>
      <c r="G11" s="1" t="s">
        <v>503</v>
      </c>
      <c r="J11" s="1" t="s">
        <v>264</v>
      </c>
      <c r="K11" s="1" t="s">
        <v>504</v>
      </c>
      <c r="L11" s="1" t="s">
        <v>505</v>
      </c>
      <c r="O11" s="1" t="s">
        <v>107</v>
      </c>
      <c r="P11" s="1" t="s">
        <v>37</v>
      </c>
      <c r="Q11" s="1" t="s">
        <v>144</v>
      </c>
      <c r="R11" s="1" t="s">
        <v>48</v>
      </c>
      <c r="T11" s="1" t="s">
        <v>506</v>
      </c>
      <c r="U11" s="1">
        <v>8.5</v>
      </c>
      <c r="V11" s="1"/>
      <c r="W11" s="1"/>
      <c r="X11" s="1">
        <v>2.6</v>
      </c>
      <c r="Y11" s="1">
        <v>8.6999999999999994E-2</v>
      </c>
      <c r="Z11" s="1"/>
      <c r="AA11" s="1" t="s">
        <v>971</v>
      </c>
      <c r="AB11" s="1" t="s">
        <v>97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507</v>
      </c>
      <c r="B12" s="2">
        <v>4.5138888888888888E-2</v>
      </c>
      <c r="C12" s="1" t="s">
        <v>885</v>
      </c>
      <c r="D12" s="1" t="s">
        <v>68</v>
      </c>
      <c r="F12" s="1" t="s">
        <v>492</v>
      </c>
      <c r="G12" s="1" t="s">
        <v>508</v>
      </c>
      <c r="J12" s="1" t="s">
        <v>493</v>
      </c>
      <c r="K12" s="1" t="s">
        <v>509</v>
      </c>
      <c r="L12" s="1" t="s">
        <v>34</v>
      </c>
      <c r="O12" s="1" t="s">
        <v>107</v>
      </c>
      <c r="P12" s="1" t="s">
        <v>37</v>
      </c>
      <c r="Q12" s="1" t="s">
        <v>108</v>
      </c>
      <c r="R12" s="1" t="s">
        <v>109</v>
      </c>
      <c r="S12" s="1" t="s">
        <v>373</v>
      </c>
      <c r="T12" s="1" t="s">
        <v>110</v>
      </c>
      <c r="U12" s="1">
        <v>8.6999999999999993</v>
      </c>
      <c r="V12" s="1">
        <v>7900</v>
      </c>
      <c r="W12" s="1"/>
      <c r="X12" s="1">
        <v>2.1</v>
      </c>
      <c r="Y12" s="1">
        <v>8.5999999999999993E-2</v>
      </c>
      <c r="Z12" s="1">
        <v>6.0000000000000001E-3</v>
      </c>
      <c r="AA12" s="1" t="s">
        <v>975</v>
      </c>
      <c r="AB12" s="1" t="s">
        <v>940</v>
      </c>
      <c r="AC12" s="1" t="s">
        <v>923</v>
      </c>
      <c r="AD12" s="1" t="s">
        <v>924</v>
      </c>
      <c r="AE12" s="1" t="s">
        <v>931</v>
      </c>
      <c r="AF12" s="1" t="s">
        <v>927</v>
      </c>
      <c r="AG12" s="1">
        <v>1E-3</v>
      </c>
      <c r="AH12" s="1" t="s">
        <v>923</v>
      </c>
      <c r="AI12" s="1"/>
      <c r="AJ12" s="1" t="s">
        <v>923</v>
      </c>
      <c r="AK12" s="1" t="s">
        <v>930</v>
      </c>
      <c r="AL12" s="1" t="s">
        <v>930</v>
      </c>
      <c r="AM12" s="1" t="s">
        <v>930</v>
      </c>
      <c r="AN12" s="1" t="s">
        <v>930</v>
      </c>
      <c r="AO12" s="1" t="s">
        <v>930</v>
      </c>
      <c r="AP12" t="s">
        <v>930</v>
      </c>
      <c r="AQ12" s="1" t="s">
        <v>930</v>
      </c>
      <c r="AR12" s="1" t="s">
        <v>930</v>
      </c>
      <c r="AS12" s="1" t="s">
        <v>930</v>
      </c>
      <c r="AT12" s="1" t="s">
        <v>930</v>
      </c>
      <c r="AU12" s="1" t="s">
        <v>940</v>
      </c>
      <c r="AV12" s="1" t="s">
        <v>923</v>
      </c>
      <c r="AW12" s="1" t="s">
        <v>923</v>
      </c>
      <c r="AX12" s="1" t="s">
        <v>930</v>
      </c>
      <c r="AY12" s="1" t="s">
        <v>931</v>
      </c>
      <c r="AZ12" s="1"/>
      <c r="BA12" s="1"/>
      <c r="BB12" s="1">
        <v>3.4000000000000002E-2</v>
      </c>
      <c r="BC12" s="1">
        <v>1.9</v>
      </c>
      <c r="BD12" s="1">
        <v>1.9</v>
      </c>
      <c r="BE12" s="1" t="s">
        <v>927</v>
      </c>
      <c r="BF12" s="1" t="s">
        <v>927</v>
      </c>
      <c r="BG12" s="1" t="s">
        <v>941</v>
      </c>
      <c r="BH12" s="1" t="s">
        <v>926</v>
      </c>
      <c r="BI12" s="1" t="s">
        <v>926</v>
      </c>
      <c r="BJ12" s="1" t="s">
        <v>927</v>
      </c>
      <c r="BK12" s="1" t="s">
        <v>940</v>
      </c>
      <c r="BL12" s="1">
        <v>1E-3</v>
      </c>
      <c r="BM12" s="1">
        <v>0.13</v>
      </c>
      <c r="BN12" s="1">
        <v>6.9000000000000006E-2</v>
      </c>
      <c r="BO12" s="1">
        <v>37</v>
      </c>
      <c r="BP12" s="1">
        <v>52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1111111111111105</v>
      </c>
      <c r="C13" s="1" t="s">
        <v>885</v>
      </c>
      <c r="D13" s="1" t="s">
        <v>68</v>
      </c>
      <c r="F13" s="1" t="s">
        <v>510</v>
      </c>
      <c r="G13" s="1" t="s">
        <v>85</v>
      </c>
      <c r="J13" s="1" t="s">
        <v>310</v>
      </c>
      <c r="K13" s="1" t="s">
        <v>511</v>
      </c>
      <c r="L13" s="1" t="s">
        <v>34</v>
      </c>
      <c r="O13" s="1" t="s">
        <v>107</v>
      </c>
      <c r="P13" s="1" t="s">
        <v>37</v>
      </c>
      <c r="Q13" s="1" t="s">
        <v>358</v>
      </c>
      <c r="R13" s="1" t="s">
        <v>109</v>
      </c>
      <c r="T13" s="1" t="s">
        <v>126</v>
      </c>
      <c r="U13" s="1">
        <v>9</v>
      </c>
      <c r="V13" s="1"/>
      <c r="W13" s="1"/>
      <c r="X13" s="1">
        <v>1.8</v>
      </c>
      <c r="Y13" s="1">
        <v>7.0999999999999994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303</v>
      </c>
      <c r="B14" s="2">
        <v>0.15277777777777776</v>
      </c>
      <c r="C14" s="1" t="s">
        <v>885</v>
      </c>
      <c r="D14" s="1" t="s">
        <v>68</v>
      </c>
      <c r="F14" s="1" t="s">
        <v>512</v>
      </c>
      <c r="G14" s="1" t="s">
        <v>268</v>
      </c>
      <c r="J14" s="1" t="s">
        <v>264</v>
      </c>
      <c r="K14" s="1" t="s">
        <v>513</v>
      </c>
      <c r="L14" s="1" t="s">
        <v>34</v>
      </c>
      <c r="O14" s="1" t="s">
        <v>107</v>
      </c>
      <c r="P14" s="1" t="s">
        <v>37</v>
      </c>
      <c r="Q14" s="1" t="s">
        <v>358</v>
      </c>
      <c r="R14" s="1" t="s">
        <v>118</v>
      </c>
      <c r="S14" s="1" t="s">
        <v>59</v>
      </c>
      <c r="T14" s="1" t="s">
        <v>110</v>
      </c>
      <c r="U14" s="1">
        <v>9.1</v>
      </c>
      <c r="V14" s="1">
        <v>7900</v>
      </c>
      <c r="W14" s="1"/>
      <c r="X14" s="1">
        <v>1.2</v>
      </c>
      <c r="Y14" s="1">
        <v>7.8E-2</v>
      </c>
      <c r="Z14" s="1">
        <v>4.0000000000000001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1.2E-2</v>
      </c>
      <c r="BC14" s="1">
        <v>1.1000000000000001</v>
      </c>
      <c r="BD14" s="1">
        <v>1.1000000000000001</v>
      </c>
      <c r="BE14" s="1"/>
      <c r="BF14" s="1"/>
      <c r="BG14" s="1"/>
      <c r="BH14" s="1"/>
      <c r="BI14" s="1"/>
      <c r="BJ14" s="1"/>
      <c r="BK14" s="1"/>
      <c r="BL14" s="1"/>
      <c r="BM14" s="1">
        <v>0.05</v>
      </c>
      <c r="BN14" s="1">
        <v>6.5000000000000002E-2</v>
      </c>
      <c r="BO14" s="1">
        <v>22</v>
      </c>
      <c r="BP14" s="1">
        <v>18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63888888888888895</v>
      </c>
      <c r="C15" s="1" t="s">
        <v>885</v>
      </c>
      <c r="D15" s="1" t="s">
        <v>153</v>
      </c>
      <c r="F15" s="1" t="s">
        <v>414</v>
      </c>
      <c r="G15" s="1" t="s">
        <v>512</v>
      </c>
      <c r="J15" s="1" t="s">
        <v>248</v>
      </c>
      <c r="K15" s="1" t="s">
        <v>514</v>
      </c>
      <c r="L15" s="1" t="s">
        <v>515</v>
      </c>
      <c r="O15" s="1" t="s">
        <v>107</v>
      </c>
      <c r="P15" s="1" t="s">
        <v>37</v>
      </c>
      <c r="Q15" s="1" t="s">
        <v>366</v>
      </c>
      <c r="R15" s="1" t="s">
        <v>41</v>
      </c>
      <c r="T15" s="1" t="s">
        <v>126</v>
      </c>
      <c r="U15" s="1">
        <v>8.9</v>
      </c>
      <c r="V15" s="1"/>
      <c r="W15" s="1"/>
      <c r="X15" s="1">
        <v>1.6</v>
      </c>
      <c r="Y15" s="1">
        <v>0.1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409</v>
      </c>
      <c r="B16" s="2">
        <v>0.22916666666666666</v>
      </c>
      <c r="C16" s="1" t="s">
        <v>885</v>
      </c>
      <c r="D16" s="1" t="s">
        <v>68</v>
      </c>
      <c r="F16" s="1" t="s">
        <v>154</v>
      </c>
      <c r="G16" s="1" t="s">
        <v>516</v>
      </c>
      <c r="J16" s="1" t="s">
        <v>157</v>
      </c>
      <c r="K16" s="1" t="s">
        <v>517</v>
      </c>
      <c r="L16" s="1" t="s">
        <v>518</v>
      </c>
      <c r="O16" s="1" t="s">
        <v>107</v>
      </c>
      <c r="P16" s="1" t="s">
        <v>37</v>
      </c>
      <c r="Q16" s="1" t="s">
        <v>464</v>
      </c>
      <c r="R16" s="1" t="s">
        <v>109</v>
      </c>
      <c r="S16" s="1" t="s">
        <v>137</v>
      </c>
      <c r="T16" s="1" t="s">
        <v>126</v>
      </c>
      <c r="U16" s="1">
        <v>8.6</v>
      </c>
      <c r="V16" s="1">
        <v>2200</v>
      </c>
      <c r="W16" s="1"/>
      <c r="X16" s="1">
        <v>3.2</v>
      </c>
      <c r="Y16" s="1">
        <v>0.1</v>
      </c>
      <c r="Z16" s="1">
        <v>8.9999999999999993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9</v>
      </c>
      <c r="BC16" s="1">
        <v>2.6</v>
      </c>
      <c r="BD16" s="1">
        <v>2.6</v>
      </c>
      <c r="BE16" s="1"/>
      <c r="BF16" s="1"/>
      <c r="BG16" s="1"/>
      <c r="BH16" s="1"/>
      <c r="BI16" s="1"/>
      <c r="BJ16" s="1"/>
      <c r="BK16" s="1"/>
      <c r="BL16" s="1"/>
      <c r="BM16" s="1">
        <v>0.48</v>
      </c>
      <c r="BN16" s="1">
        <v>8.3000000000000004E-2</v>
      </c>
      <c r="BO16" s="1">
        <v>310</v>
      </c>
      <c r="BP16" s="1">
        <v>880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597222222222223</v>
      </c>
      <c r="C17" s="1" t="s">
        <v>885</v>
      </c>
      <c r="D17" s="1" t="s">
        <v>68</v>
      </c>
      <c r="F17" s="1" t="s">
        <v>338</v>
      </c>
      <c r="G17" s="1" t="s">
        <v>519</v>
      </c>
      <c r="J17" s="1" t="s">
        <v>520</v>
      </c>
      <c r="K17" s="1" t="s">
        <v>521</v>
      </c>
      <c r="L17" s="1" t="s">
        <v>522</v>
      </c>
      <c r="O17" s="1" t="s">
        <v>107</v>
      </c>
      <c r="P17" s="1" t="s">
        <v>56</v>
      </c>
      <c r="Q17" s="1" t="s">
        <v>108</v>
      </c>
      <c r="R17" s="1" t="s">
        <v>404</v>
      </c>
      <c r="T17" s="1" t="s">
        <v>126</v>
      </c>
      <c r="U17" s="1">
        <v>8.6999999999999993</v>
      </c>
      <c r="V17" s="1"/>
      <c r="W17" s="1"/>
      <c r="X17" s="1">
        <v>3.1</v>
      </c>
      <c r="Y17" s="1">
        <v>0.1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/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413</v>
      </c>
      <c r="B18" s="2">
        <v>0.23958333333333334</v>
      </c>
      <c r="C18" s="1" t="s">
        <v>885</v>
      </c>
      <c r="D18" s="1" t="s">
        <v>68</v>
      </c>
      <c r="F18" s="1" t="s">
        <v>458</v>
      </c>
      <c r="G18" s="1" t="s">
        <v>523</v>
      </c>
      <c r="J18" s="1" t="s">
        <v>174</v>
      </c>
      <c r="K18" s="1" t="s">
        <v>175</v>
      </c>
      <c r="L18" s="1" t="s">
        <v>34</v>
      </c>
      <c r="O18" s="1" t="s">
        <v>107</v>
      </c>
      <c r="P18" s="1" t="s">
        <v>37</v>
      </c>
      <c r="Q18" s="1" t="s">
        <v>191</v>
      </c>
      <c r="R18" s="1" t="s">
        <v>109</v>
      </c>
      <c r="S18" s="1" t="s">
        <v>364</v>
      </c>
      <c r="T18" s="1" t="s">
        <v>145</v>
      </c>
      <c r="U18" s="1">
        <v>8.6</v>
      </c>
      <c r="V18" s="1">
        <v>17000</v>
      </c>
      <c r="W18" s="1"/>
      <c r="X18" s="1">
        <v>2.5</v>
      </c>
      <c r="Y18" s="1">
        <v>0.13</v>
      </c>
      <c r="Z18" s="1">
        <v>1.0999999999999999E-2</v>
      </c>
      <c r="AA18" s="1" t="s">
        <v>976</v>
      </c>
      <c r="AB18" s="1" t="s">
        <v>940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13</v>
      </c>
      <c r="BC18" s="1">
        <v>1.7</v>
      </c>
      <c r="BD18" s="1">
        <v>1.8</v>
      </c>
      <c r="BE18" s="1"/>
      <c r="BF18" s="1"/>
      <c r="BG18" s="1"/>
      <c r="BH18" s="1"/>
      <c r="BI18" s="1"/>
      <c r="BJ18" s="1"/>
      <c r="BK18" s="1"/>
      <c r="BL18" s="1"/>
      <c r="BM18" s="1">
        <v>0.5</v>
      </c>
      <c r="BN18" s="1">
        <v>0.1</v>
      </c>
      <c r="BO18" s="1">
        <v>570</v>
      </c>
      <c r="BP18" s="1">
        <v>17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416666666666667</v>
      </c>
      <c r="C19" s="1" t="s">
        <v>885</v>
      </c>
      <c r="D19" s="1" t="s">
        <v>68</v>
      </c>
      <c r="F19" s="1" t="s">
        <v>462</v>
      </c>
      <c r="G19" s="1" t="s">
        <v>227</v>
      </c>
      <c r="J19" s="1" t="s">
        <v>496</v>
      </c>
      <c r="K19" s="1" t="s">
        <v>497</v>
      </c>
      <c r="L19" s="1" t="s">
        <v>34</v>
      </c>
      <c r="O19" s="1" t="s">
        <v>107</v>
      </c>
      <c r="P19" s="1" t="s">
        <v>37</v>
      </c>
      <c r="Q19" s="1" t="s">
        <v>191</v>
      </c>
      <c r="R19" s="1" t="s">
        <v>404</v>
      </c>
      <c r="T19" s="1" t="s">
        <v>110</v>
      </c>
      <c r="U19" s="1">
        <v>9.8000000000000007</v>
      </c>
      <c r="V19" s="1"/>
      <c r="W19" s="1"/>
      <c r="X19" s="1">
        <v>2.2000000000000002</v>
      </c>
      <c r="Y19" s="1">
        <v>0.06</v>
      </c>
      <c r="Z19" s="1"/>
      <c r="AA19" s="1" t="s">
        <v>971</v>
      </c>
      <c r="AB19" s="1" t="s">
        <v>97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/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1</v>
      </c>
      <c r="B20" s="2">
        <v>0.22916666666666666</v>
      </c>
      <c r="C20" s="1" t="s">
        <v>885</v>
      </c>
      <c r="D20" s="1" t="s">
        <v>68</v>
      </c>
      <c r="F20" s="1" t="s">
        <v>61</v>
      </c>
      <c r="G20" s="1" t="s">
        <v>135</v>
      </c>
      <c r="J20" s="1" t="s">
        <v>215</v>
      </c>
      <c r="K20" s="1" t="s">
        <v>524</v>
      </c>
      <c r="L20" s="1" t="s">
        <v>34</v>
      </c>
      <c r="O20" s="1" t="s">
        <v>107</v>
      </c>
      <c r="P20" s="1" t="s">
        <v>37</v>
      </c>
      <c r="Q20" s="1" t="s">
        <v>484</v>
      </c>
      <c r="R20" s="1" t="s">
        <v>47</v>
      </c>
      <c r="S20" s="1" t="s">
        <v>466</v>
      </c>
      <c r="T20" s="1" t="s">
        <v>41</v>
      </c>
      <c r="U20" s="1">
        <v>9</v>
      </c>
      <c r="V20" s="1">
        <v>2300</v>
      </c>
      <c r="W20" s="1"/>
      <c r="X20" s="1">
        <v>3.9</v>
      </c>
      <c r="Y20" s="1">
        <v>0.13</v>
      </c>
      <c r="Z20" s="1">
        <v>0.01</v>
      </c>
      <c r="AA20" s="1" t="s">
        <v>971</v>
      </c>
      <c r="AB20" s="1" t="s">
        <v>971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8.1000000000000003E-2</v>
      </c>
      <c r="BC20" s="1">
        <v>3.3</v>
      </c>
      <c r="BD20" s="1">
        <v>3.3</v>
      </c>
      <c r="BE20" s="1"/>
      <c r="BF20" s="1"/>
      <c r="BG20" s="1"/>
      <c r="BH20" s="1"/>
      <c r="BI20" s="1"/>
      <c r="BJ20" s="1"/>
      <c r="BK20" s="1"/>
      <c r="BL20" s="1"/>
      <c r="BM20" s="1">
        <v>0.42</v>
      </c>
      <c r="BN20" s="1">
        <v>0.12</v>
      </c>
      <c r="BO20" s="1">
        <v>250</v>
      </c>
      <c r="BP20" s="1">
        <v>730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3611111111111116</v>
      </c>
      <c r="C21" s="1" t="s">
        <v>885</v>
      </c>
      <c r="D21" s="1" t="s">
        <v>68</v>
      </c>
      <c r="F21" s="1" t="s">
        <v>42</v>
      </c>
      <c r="G21" s="1" t="s">
        <v>135</v>
      </c>
      <c r="J21" s="1" t="s">
        <v>269</v>
      </c>
      <c r="K21" s="1" t="s">
        <v>525</v>
      </c>
      <c r="L21" s="1" t="s">
        <v>34</v>
      </c>
      <c r="O21" s="1" t="s">
        <v>107</v>
      </c>
      <c r="P21" s="1" t="s">
        <v>37</v>
      </c>
      <c r="Q21" s="1" t="s">
        <v>366</v>
      </c>
      <c r="R21" s="1" t="s">
        <v>41</v>
      </c>
      <c r="T21" s="1" t="s">
        <v>59</v>
      </c>
      <c r="U21" s="1">
        <v>9.3000000000000007</v>
      </c>
      <c r="V21" s="1"/>
      <c r="W21" s="1"/>
      <c r="X21" s="1">
        <v>2.6</v>
      </c>
      <c r="Y21" s="1">
        <v>0.12</v>
      </c>
      <c r="Z21" s="1"/>
      <c r="AA21" s="1" t="s">
        <v>971</v>
      </c>
      <c r="AB21" s="1" t="s">
        <v>97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1</v>
      </c>
      <c r="B22" s="2">
        <v>0.35416666666666669</v>
      </c>
      <c r="C22" s="1" t="s">
        <v>885</v>
      </c>
      <c r="D22" s="1" t="s">
        <v>27</v>
      </c>
      <c r="F22" s="1" t="s">
        <v>526</v>
      </c>
      <c r="G22" s="1" t="s">
        <v>527</v>
      </c>
      <c r="J22" s="1" t="s">
        <v>32</v>
      </c>
      <c r="K22" s="1" t="s">
        <v>528</v>
      </c>
      <c r="L22" s="1" t="s">
        <v>34</v>
      </c>
      <c r="O22" s="1" t="s">
        <v>107</v>
      </c>
      <c r="P22" s="1" t="s">
        <v>37</v>
      </c>
      <c r="Q22" s="1" t="s">
        <v>358</v>
      </c>
      <c r="R22" s="1" t="s">
        <v>109</v>
      </c>
      <c r="S22" s="1" t="s">
        <v>76</v>
      </c>
      <c r="T22" s="1" t="s">
        <v>181</v>
      </c>
      <c r="U22" s="1">
        <v>9.1999999999999993</v>
      </c>
      <c r="V22" s="1">
        <v>280</v>
      </c>
      <c r="W22" s="1"/>
      <c r="X22" s="1">
        <v>2.4</v>
      </c>
      <c r="Y22" s="1">
        <v>9.8000000000000004E-2</v>
      </c>
      <c r="Z22" s="1">
        <v>0.01</v>
      </c>
      <c r="AA22" s="1" t="s">
        <v>971</v>
      </c>
      <c r="AB22" s="1" t="s">
        <v>971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7.8E-2</v>
      </c>
      <c r="BC22" s="1">
        <v>1.7</v>
      </c>
      <c r="BD22" s="1">
        <v>1.7</v>
      </c>
      <c r="BE22" s="1"/>
      <c r="BF22" s="1"/>
      <c r="BG22" s="1"/>
      <c r="BH22" s="1"/>
      <c r="BI22" s="1"/>
      <c r="BJ22" s="1"/>
      <c r="BK22" s="1"/>
      <c r="BL22" s="1"/>
      <c r="BM22" s="1">
        <v>0.39</v>
      </c>
      <c r="BN22" s="1">
        <v>7.4999999999999997E-2</v>
      </c>
      <c r="BO22" s="1">
        <v>2800</v>
      </c>
      <c r="BP22" s="1">
        <v>900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5416666666666663</v>
      </c>
      <c r="C23" s="1" t="s">
        <v>885</v>
      </c>
      <c r="D23" s="1" t="s">
        <v>27</v>
      </c>
      <c r="F23" s="1" t="s">
        <v>92</v>
      </c>
      <c r="G23" s="1" t="s">
        <v>506</v>
      </c>
      <c r="J23" s="1" t="s">
        <v>109</v>
      </c>
      <c r="K23" s="1" t="s">
        <v>373</v>
      </c>
      <c r="L23" s="1" t="s">
        <v>34</v>
      </c>
      <c r="O23" s="1" t="s">
        <v>107</v>
      </c>
      <c r="P23" s="1" t="s">
        <v>37</v>
      </c>
      <c r="Q23" s="1" t="s">
        <v>191</v>
      </c>
      <c r="R23" s="1" t="s">
        <v>159</v>
      </c>
      <c r="T23" s="1" t="s">
        <v>41</v>
      </c>
      <c r="U23" s="1">
        <v>11</v>
      </c>
      <c r="V23" s="1"/>
      <c r="W23" s="1"/>
      <c r="X23" s="1">
        <v>3.2</v>
      </c>
      <c r="Y23" s="1">
        <v>0.1</v>
      </c>
      <c r="Z23" s="1"/>
      <c r="AA23" s="1" t="s">
        <v>971</v>
      </c>
      <c r="AB23" s="1" t="s">
        <v>971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/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356</v>
      </c>
      <c r="B24" s="2">
        <v>6.9444444444444441E-3</v>
      </c>
      <c r="C24" s="1" t="s">
        <v>885</v>
      </c>
      <c r="D24" s="1" t="s">
        <v>68</v>
      </c>
      <c r="F24" s="1" t="s">
        <v>526</v>
      </c>
      <c r="G24" s="1" t="s">
        <v>529</v>
      </c>
      <c r="J24" s="1" t="s">
        <v>310</v>
      </c>
      <c r="K24" s="1" t="s">
        <v>511</v>
      </c>
      <c r="L24" s="1" t="s">
        <v>34</v>
      </c>
      <c r="O24" s="1" t="s">
        <v>107</v>
      </c>
      <c r="P24" s="1" t="s">
        <v>37</v>
      </c>
      <c r="Q24" s="1" t="s">
        <v>108</v>
      </c>
      <c r="R24" s="1" t="s">
        <v>58</v>
      </c>
      <c r="S24" s="1" t="s">
        <v>479</v>
      </c>
      <c r="T24" s="1" t="s">
        <v>110</v>
      </c>
      <c r="U24" s="1">
        <v>10</v>
      </c>
      <c r="V24" s="1">
        <v>460</v>
      </c>
      <c r="W24" s="1"/>
      <c r="X24" s="1">
        <v>3.8</v>
      </c>
      <c r="Y24" s="1">
        <v>0.21</v>
      </c>
      <c r="Z24" s="1">
        <v>8.9999999999999993E-3</v>
      </c>
      <c r="AA24" s="1" t="s">
        <v>977</v>
      </c>
      <c r="AB24" s="1" t="s">
        <v>978</v>
      </c>
      <c r="AC24" s="1" t="s">
        <v>923</v>
      </c>
      <c r="AD24" s="1" t="s">
        <v>924</v>
      </c>
      <c r="AE24" s="1" t="s">
        <v>931</v>
      </c>
      <c r="AF24" s="1" t="s">
        <v>927</v>
      </c>
      <c r="AG24" s="1">
        <v>1E-3</v>
      </c>
      <c r="AH24" s="1" t="s">
        <v>923</v>
      </c>
      <c r="AI24" s="1"/>
      <c r="AJ24" s="1"/>
      <c r="AK24" s="1" t="s">
        <v>930</v>
      </c>
      <c r="AL24" s="1" t="s">
        <v>930</v>
      </c>
      <c r="AM24" s="1" t="s">
        <v>930</v>
      </c>
      <c r="AN24" s="1" t="s">
        <v>930</v>
      </c>
      <c r="AO24" s="1" t="s">
        <v>930</v>
      </c>
      <c r="AP24" t="s">
        <v>930</v>
      </c>
      <c r="AQ24" s="1" t="s">
        <v>930</v>
      </c>
      <c r="AR24" s="1" t="s">
        <v>930</v>
      </c>
      <c r="AS24" s="1" t="s">
        <v>930</v>
      </c>
      <c r="AT24" s="1" t="s">
        <v>930</v>
      </c>
      <c r="AU24" s="1" t="s">
        <v>940</v>
      </c>
      <c r="AV24" s="1" t="s">
        <v>923</v>
      </c>
      <c r="AW24" s="1" t="s">
        <v>923</v>
      </c>
      <c r="AX24" s="1" t="s">
        <v>930</v>
      </c>
      <c r="AY24" s="1" t="s">
        <v>931</v>
      </c>
      <c r="AZ24" s="1"/>
      <c r="BA24" s="1"/>
      <c r="BB24" s="1">
        <v>0.28000000000000003</v>
      </c>
      <c r="BC24" s="1">
        <v>2.4</v>
      </c>
      <c r="BD24" s="1">
        <v>2.6</v>
      </c>
      <c r="BE24" s="1" t="s">
        <v>927</v>
      </c>
      <c r="BF24" s="1" t="s">
        <v>927</v>
      </c>
      <c r="BG24" s="1" t="s">
        <v>941</v>
      </c>
      <c r="BH24" s="1">
        <v>0.02</v>
      </c>
      <c r="BI24" s="1">
        <v>0.02</v>
      </c>
      <c r="BJ24" s="1" t="s">
        <v>927</v>
      </c>
      <c r="BK24" s="1"/>
      <c r="BL24" s="1"/>
      <c r="BM24" s="1">
        <v>1.1000000000000001</v>
      </c>
      <c r="BN24" s="1">
        <v>0.17</v>
      </c>
      <c r="BO24" s="1">
        <v>880</v>
      </c>
      <c r="BP24" s="1">
        <v>310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51388888888888895</v>
      </c>
      <c r="C25" s="1" t="s">
        <v>885</v>
      </c>
      <c r="D25" s="1" t="s">
        <v>68</v>
      </c>
      <c r="F25" s="1" t="s">
        <v>191</v>
      </c>
      <c r="G25" s="1" t="s">
        <v>380</v>
      </c>
      <c r="J25" s="1" t="s">
        <v>530</v>
      </c>
      <c r="K25" s="1" t="s">
        <v>531</v>
      </c>
      <c r="L25" s="1" t="s">
        <v>34</v>
      </c>
      <c r="O25" s="1" t="s">
        <v>107</v>
      </c>
      <c r="P25" s="1" t="s">
        <v>37</v>
      </c>
      <c r="Q25" s="1" t="s">
        <v>108</v>
      </c>
      <c r="R25" s="1" t="s">
        <v>132</v>
      </c>
      <c r="T25" s="1" t="s">
        <v>126</v>
      </c>
      <c r="U25" s="1">
        <v>10</v>
      </c>
      <c r="V25" s="1"/>
      <c r="W25" s="1"/>
      <c r="X25" s="1">
        <v>2.2999999999999998</v>
      </c>
      <c r="Y25" s="1">
        <v>8.5999999999999993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/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7</v>
      </c>
      <c r="B26" s="2">
        <v>0.3125</v>
      </c>
      <c r="C26" s="1" t="s">
        <v>885</v>
      </c>
      <c r="D26" s="1" t="s">
        <v>68</v>
      </c>
      <c r="F26" s="1" t="s">
        <v>532</v>
      </c>
      <c r="G26" s="1" t="s">
        <v>533</v>
      </c>
      <c r="J26" s="1" t="s">
        <v>264</v>
      </c>
      <c r="K26" s="1" t="s">
        <v>504</v>
      </c>
      <c r="L26" s="1" t="s">
        <v>34</v>
      </c>
      <c r="O26" s="1" t="s">
        <v>107</v>
      </c>
      <c r="P26" s="1" t="s">
        <v>37</v>
      </c>
      <c r="Q26" s="1" t="s">
        <v>366</v>
      </c>
      <c r="R26" s="1" t="s">
        <v>196</v>
      </c>
      <c r="S26" s="1" t="s">
        <v>534</v>
      </c>
      <c r="T26" s="1" t="s">
        <v>126</v>
      </c>
      <c r="U26" s="1">
        <v>9</v>
      </c>
      <c r="V26" s="1">
        <v>3300</v>
      </c>
      <c r="W26" s="1"/>
      <c r="X26" s="1">
        <v>4.0999999999999996</v>
      </c>
      <c r="Y26" s="1">
        <v>0.53</v>
      </c>
      <c r="Z26" s="1">
        <v>1.7999999999999999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27</v>
      </c>
      <c r="BC26" s="1">
        <v>3.3</v>
      </c>
      <c r="BD26" s="1">
        <v>3.5</v>
      </c>
      <c r="BE26" s="1"/>
      <c r="BF26" s="1"/>
      <c r="BG26" s="1"/>
      <c r="BH26" s="1"/>
      <c r="BI26" s="1"/>
      <c r="BJ26" s="1"/>
      <c r="BK26" s="1"/>
      <c r="BL26" s="1"/>
      <c r="BM26" s="1">
        <v>0.02</v>
      </c>
      <c r="BN26" s="1">
        <v>0.48</v>
      </c>
      <c r="BO26" s="1">
        <v>240</v>
      </c>
      <c r="BP26" s="1">
        <v>760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3333333333333337</v>
      </c>
      <c r="C27" s="1" t="s">
        <v>885</v>
      </c>
      <c r="D27" s="1" t="s">
        <v>68</v>
      </c>
      <c r="F27" s="1" t="s">
        <v>338</v>
      </c>
      <c r="G27" s="1" t="s">
        <v>535</v>
      </c>
      <c r="J27" s="1" t="s">
        <v>390</v>
      </c>
      <c r="K27" s="1" t="s">
        <v>536</v>
      </c>
      <c r="L27" s="1" t="s">
        <v>34</v>
      </c>
      <c r="O27" s="1" t="s">
        <v>107</v>
      </c>
      <c r="P27" s="1" t="s">
        <v>37</v>
      </c>
      <c r="Q27" s="1" t="s">
        <v>366</v>
      </c>
      <c r="R27" s="1" t="s">
        <v>59</v>
      </c>
      <c r="T27" s="1" t="s">
        <v>181</v>
      </c>
      <c r="U27" s="1">
        <v>9.5</v>
      </c>
      <c r="V27" s="1"/>
      <c r="W27" s="1"/>
      <c r="X27" s="1">
        <v>4.2</v>
      </c>
      <c r="Y27" s="1">
        <v>0.37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71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98</v>
      </c>
      <c r="C1" s="1" t="s">
        <v>1</v>
      </c>
      <c r="D1" s="1" t="s">
        <v>899</v>
      </c>
      <c r="E1" s="1" t="s">
        <v>2</v>
      </c>
      <c r="F1" s="1" t="s">
        <v>876</v>
      </c>
      <c r="G1" s="1" t="s">
        <v>3</v>
      </c>
      <c r="H1" s="1" t="s">
        <v>87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0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60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3055555555555558</v>
      </c>
      <c r="C4" s="1" t="s">
        <v>885</v>
      </c>
      <c r="D4" s="1" t="s">
        <v>27</v>
      </c>
      <c r="E4" s="1" t="s">
        <v>28</v>
      </c>
      <c r="F4" s="1" t="s">
        <v>291</v>
      </c>
      <c r="G4" s="1" t="s">
        <v>210</v>
      </c>
      <c r="H4" s="1" t="s">
        <v>418</v>
      </c>
      <c r="I4" s="1" t="s">
        <v>237</v>
      </c>
      <c r="J4" s="1" t="s">
        <v>407</v>
      </c>
      <c r="K4" s="1" t="s">
        <v>537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188</v>
      </c>
      <c r="R4" s="1" t="s">
        <v>58</v>
      </c>
      <c r="S4" s="1" t="s">
        <v>189</v>
      </c>
      <c r="T4" s="1" t="s">
        <v>538</v>
      </c>
      <c r="U4" s="1">
        <v>11.9</v>
      </c>
      <c r="V4" s="3">
        <v>23</v>
      </c>
      <c r="W4" s="1"/>
      <c r="X4" s="1">
        <v>0.77</v>
      </c>
      <c r="Y4" s="1">
        <v>1.4E-2</v>
      </c>
      <c r="Z4" s="1">
        <v>1.8E-3</v>
      </c>
      <c r="AA4" s="1"/>
      <c r="AB4" s="1"/>
      <c r="AC4" s="1" t="s">
        <v>923</v>
      </c>
      <c r="AD4" s="1" t="s">
        <v>924</v>
      </c>
      <c r="AE4" s="1" t="s">
        <v>925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28</v>
      </c>
      <c r="AM4" s="1"/>
      <c r="AN4" s="1"/>
      <c r="AO4" s="1"/>
      <c r="AP4" t="s">
        <v>928</v>
      </c>
      <c r="AQ4" s="1"/>
      <c r="AR4" s="1" t="s">
        <v>928</v>
      </c>
      <c r="AS4" s="1" t="s">
        <v>928</v>
      </c>
      <c r="AT4" s="1"/>
      <c r="AU4" s="1"/>
      <c r="AV4" s="1"/>
      <c r="AW4" s="1"/>
      <c r="AX4" s="1"/>
      <c r="AY4" s="1"/>
      <c r="AZ4" s="1" t="s">
        <v>936</v>
      </c>
      <c r="BA4" s="1" t="s">
        <v>926</v>
      </c>
      <c r="BB4" s="1" t="s">
        <v>924</v>
      </c>
      <c r="BC4" s="1">
        <v>0.66</v>
      </c>
      <c r="BD4" s="1">
        <v>0.71</v>
      </c>
      <c r="BE4" s="1"/>
      <c r="BF4" s="1"/>
      <c r="BG4" s="1"/>
      <c r="BH4" s="1"/>
      <c r="BI4" s="1"/>
      <c r="BJ4" s="1"/>
      <c r="BK4" s="1"/>
      <c r="BL4" s="1"/>
      <c r="BM4" s="1" t="s">
        <v>945</v>
      </c>
      <c r="BN4" s="1">
        <v>7.0000000000000001E-3</v>
      </c>
      <c r="BO4" s="1">
        <v>22</v>
      </c>
      <c r="BP4" s="1">
        <v>3.5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8194444444444453</v>
      </c>
      <c r="C5" s="1" t="s">
        <v>885</v>
      </c>
      <c r="D5" s="1" t="s">
        <v>27</v>
      </c>
      <c r="E5" s="1" t="s">
        <v>28</v>
      </c>
      <c r="F5" s="1" t="s">
        <v>458</v>
      </c>
      <c r="G5" s="1" t="s">
        <v>30</v>
      </c>
      <c r="H5" s="1" t="s">
        <v>306</v>
      </c>
      <c r="I5" s="1" t="s">
        <v>539</v>
      </c>
      <c r="J5" s="1" t="s">
        <v>418</v>
      </c>
      <c r="K5" s="1" t="s">
        <v>269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38</v>
      </c>
      <c r="R5" s="1" t="s">
        <v>152</v>
      </c>
      <c r="S5" s="1" t="s">
        <v>83</v>
      </c>
      <c r="T5" s="1" t="s">
        <v>41</v>
      </c>
      <c r="U5" s="1">
        <v>10.1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8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9</v>
      </c>
      <c r="B6" s="2">
        <v>0.4236111111111111</v>
      </c>
      <c r="C6" s="1" t="s">
        <v>885</v>
      </c>
      <c r="D6" s="1" t="s">
        <v>27</v>
      </c>
      <c r="E6" s="1" t="s">
        <v>887</v>
      </c>
      <c r="F6" s="1" t="s">
        <v>291</v>
      </c>
      <c r="G6" s="1" t="s">
        <v>454</v>
      </c>
      <c r="H6" s="1" t="s">
        <v>394</v>
      </c>
      <c r="I6" s="1" t="s">
        <v>530</v>
      </c>
      <c r="J6" s="1" t="s">
        <v>398</v>
      </c>
      <c r="K6" s="1" t="s">
        <v>399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188</v>
      </c>
      <c r="R6" s="1" t="s">
        <v>159</v>
      </c>
      <c r="S6" s="1" t="s">
        <v>196</v>
      </c>
      <c r="T6" s="1" t="s">
        <v>41</v>
      </c>
      <c r="U6" s="1">
        <v>10.199999999999999</v>
      </c>
      <c r="V6" s="3">
        <v>130</v>
      </c>
      <c r="W6" s="1"/>
      <c r="X6" s="1">
        <v>0.73</v>
      </c>
      <c r="Y6" s="1">
        <v>1.7999999999999999E-2</v>
      </c>
      <c r="Z6" s="1">
        <v>1.1000000000000001E-3</v>
      </c>
      <c r="AA6" s="1" t="s">
        <v>970</v>
      </c>
      <c r="AB6" s="1" t="s">
        <v>940</v>
      </c>
      <c r="AC6" s="1"/>
      <c r="AD6" s="1" t="s">
        <v>924</v>
      </c>
      <c r="AE6" s="1" t="s">
        <v>925</v>
      </c>
      <c r="AF6" s="1"/>
      <c r="AG6" s="1" t="s">
        <v>927</v>
      </c>
      <c r="AH6" s="1" t="s">
        <v>925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924</v>
      </c>
      <c r="BC6" s="1">
        <v>0.62</v>
      </c>
      <c r="BD6" s="1">
        <v>0.67</v>
      </c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4</v>
      </c>
      <c r="BP6" s="1">
        <v>2.9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8194444444444453</v>
      </c>
      <c r="C7" s="1" t="s">
        <v>885</v>
      </c>
      <c r="D7" s="1" t="s">
        <v>27</v>
      </c>
      <c r="E7" s="1" t="s">
        <v>887</v>
      </c>
      <c r="F7" s="1" t="s">
        <v>257</v>
      </c>
      <c r="G7" s="1" t="s">
        <v>540</v>
      </c>
      <c r="H7" s="1" t="s">
        <v>294</v>
      </c>
      <c r="I7" s="1" t="s">
        <v>348</v>
      </c>
      <c r="J7" s="1" t="s">
        <v>407</v>
      </c>
      <c r="K7" s="1" t="s">
        <v>200</v>
      </c>
      <c r="L7" s="1" t="s">
        <v>34</v>
      </c>
      <c r="N7" s="1" t="s">
        <v>35</v>
      </c>
      <c r="O7" s="1" t="s">
        <v>74</v>
      </c>
      <c r="P7" s="1" t="s">
        <v>56</v>
      </c>
      <c r="Q7" s="1" t="s">
        <v>99</v>
      </c>
      <c r="R7" s="1" t="s">
        <v>109</v>
      </c>
      <c r="S7" s="1" t="s">
        <v>75</v>
      </c>
      <c r="T7" s="1" t="s">
        <v>59</v>
      </c>
      <c r="U7" s="1">
        <v>9.3000000000000007</v>
      </c>
      <c r="V7" s="1"/>
      <c r="W7" s="1"/>
      <c r="X7" s="1"/>
      <c r="Y7" s="1"/>
      <c r="Z7" s="1"/>
      <c r="AA7" s="1" t="s">
        <v>971</v>
      </c>
      <c r="AB7" s="1" t="s">
        <v>97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3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7</v>
      </c>
      <c r="B8" s="2">
        <v>0.39652777777777781</v>
      </c>
      <c r="C8" s="1" t="s">
        <v>885</v>
      </c>
      <c r="D8" s="1" t="s">
        <v>68</v>
      </c>
      <c r="E8" s="1" t="s">
        <v>28</v>
      </c>
      <c r="F8" s="1" t="s">
        <v>268</v>
      </c>
      <c r="G8" s="1" t="s">
        <v>235</v>
      </c>
      <c r="H8" s="1" t="s">
        <v>403</v>
      </c>
      <c r="I8" s="1" t="s">
        <v>174</v>
      </c>
      <c r="J8" s="1" t="s">
        <v>407</v>
      </c>
      <c r="K8" s="1" t="s">
        <v>200</v>
      </c>
      <c r="L8" s="1" t="s">
        <v>34</v>
      </c>
      <c r="N8" s="1" t="s">
        <v>35</v>
      </c>
      <c r="O8" s="1" t="s">
        <v>233</v>
      </c>
      <c r="P8" s="1" t="s">
        <v>56</v>
      </c>
      <c r="Q8" s="1" t="s">
        <v>38</v>
      </c>
      <c r="R8" s="1" t="s">
        <v>58</v>
      </c>
      <c r="S8" s="1" t="s">
        <v>190</v>
      </c>
      <c r="T8" s="1" t="s">
        <v>538</v>
      </c>
      <c r="U8" s="1">
        <v>9.1999999999999993</v>
      </c>
      <c r="V8" s="3">
        <v>170</v>
      </c>
      <c r="W8" s="1"/>
      <c r="X8" s="1">
        <v>0.88</v>
      </c>
      <c r="Y8" s="1">
        <v>2.7E-2</v>
      </c>
      <c r="Z8" s="1">
        <v>8.9999999999999998E-4</v>
      </c>
      <c r="AA8" s="1" t="s">
        <v>971</v>
      </c>
      <c r="AB8" s="1" t="s">
        <v>971</v>
      </c>
      <c r="AC8" s="1" t="s">
        <v>923</v>
      </c>
      <c r="AD8" s="1" t="s">
        <v>924</v>
      </c>
      <c r="AE8" s="1" t="s">
        <v>925</v>
      </c>
      <c r="AF8" s="1" t="s">
        <v>926</v>
      </c>
      <c r="AG8" s="1" t="s">
        <v>927</v>
      </c>
      <c r="AH8" s="1" t="s">
        <v>925</v>
      </c>
      <c r="AI8" s="1"/>
      <c r="AJ8" s="1"/>
      <c r="AK8" s="1"/>
      <c r="AL8" s="1" t="s">
        <v>928</v>
      </c>
      <c r="AM8" s="1"/>
      <c r="AN8" s="1"/>
      <c r="AO8" s="1"/>
      <c r="AP8" t="s">
        <v>928</v>
      </c>
      <c r="AQ8" s="1"/>
      <c r="AR8" s="1" t="s">
        <v>928</v>
      </c>
      <c r="AS8" s="1" t="s">
        <v>928</v>
      </c>
      <c r="AT8" s="1"/>
      <c r="AU8" s="1"/>
      <c r="AV8" s="1"/>
      <c r="AW8" s="1"/>
      <c r="AX8" s="1"/>
      <c r="AY8" s="1"/>
      <c r="AZ8" s="1" t="s">
        <v>936</v>
      </c>
      <c r="BA8" s="1" t="s">
        <v>926</v>
      </c>
      <c r="BB8" s="1" t="s">
        <v>924</v>
      </c>
      <c r="BC8" s="1">
        <v>0.76</v>
      </c>
      <c r="BD8" s="1">
        <v>0.81</v>
      </c>
      <c r="BE8" s="1"/>
      <c r="BF8" s="1"/>
      <c r="BG8" s="1"/>
      <c r="BH8" s="1"/>
      <c r="BI8" s="1"/>
      <c r="BJ8" s="1"/>
      <c r="BK8" s="1"/>
      <c r="BL8" s="1"/>
      <c r="BM8" s="1" t="s">
        <v>945</v>
      </c>
      <c r="BN8" s="1">
        <v>2.4E-2</v>
      </c>
      <c r="BO8" s="1">
        <v>13</v>
      </c>
      <c r="BP8" s="1">
        <v>2.2999999999999998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9583333333333337</v>
      </c>
      <c r="C9" s="1" t="s">
        <v>885</v>
      </c>
      <c r="D9" s="1" t="s">
        <v>68</v>
      </c>
      <c r="E9" s="1" t="s">
        <v>28</v>
      </c>
      <c r="F9" s="1" t="s">
        <v>127</v>
      </c>
      <c r="G9" s="1" t="s">
        <v>462</v>
      </c>
      <c r="H9" s="1" t="s">
        <v>541</v>
      </c>
      <c r="I9" s="1" t="s">
        <v>142</v>
      </c>
      <c r="J9" s="1" t="s">
        <v>407</v>
      </c>
      <c r="K9" s="1" t="s">
        <v>537</v>
      </c>
      <c r="L9" s="1" t="s">
        <v>34</v>
      </c>
      <c r="N9" s="1" t="s">
        <v>35</v>
      </c>
      <c r="O9" s="1" t="s">
        <v>233</v>
      </c>
      <c r="P9" s="1" t="s">
        <v>56</v>
      </c>
      <c r="Q9" s="1" t="s">
        <v>99</v>
      </c>
      <c r="R9" s="1" t="s">
        <v>416</v>
      </c>
      <c r="S9" s="1" t="s">
        <v>160</v>
      </c>
      <c r="T9" s="1" t="s">
        <v>538</v>
      </c>
      <c r="U9" s="1">
        <v>9.5</v>
      </c>
      <c r="V9" s="1"/>
      <c r="W9" s="1"/>
      <c r="X9" s="1"/>
      <c r="Y9" s="1"/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9583333333333331</v>
      </c>
      <c r="C10" s="1" t="s">
        <v>885</v>
      </c>
      <c r="D10" s="1" t="s">
        <v>153</v>
      </c>
      <c r="E10" s="1" t="s">
        <v>28</v>
      </c>
      <c r="F10" s="1" t="s">
        <v>102</v>
      </c>
      <c r="G10" s="1" t="s">
        <v>86</v>
      </c>
      <c r="H10" s="1" t="s">
        <v>312</v>
      </c>
      <c r="I10" s="1" t="s">
        <v>542</v>
      </c>
      <c r="J10" s="1" t="s">
        <v>384</v>
      </c>
      <c r="K10" s="1" t="s">
        <v>542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91</v>
      </c>
      <c r="R10" s="1" t="s">
        <v>132</v>
      </c>
      <c r="S10" s="1" t="s">
        <v>40</v>
      </c>
      <c r="T10" s="1" t="s">
        <v>538</v>
      </c>
      <c r="U10" s="1">
        <v>9.5</v>
      </c>
      <c r="V10" s="3">
        <v>7900</v>
      </c>
      <c r="W10" s="1"/>
      <c r="X10" s="1">
        <v>0.91</v>
      </c>
      <c r="Y10" s="1">
        <v>2.8000000000000001E-2</v>
      </c>
      <c r="Z10" s="1">
        <v>2E-3</v>
      </c>
      <c r="AA10" s="1" t="s">
        <v>971</v>
      </c>
      <c r="AB10" s="1" t="s">
        <v>971</v>
      </c>
      <c r="AC10" s="1"/>
      <c r="AD10" s="1" t="s">
        <v>924</v>
      </c>
      <c r="AE10" s="1" t="s">
        <v>925</v>
      </c>
      <c r="AF10" s="1"/>
      <c r="AG10" s="1" t="s">
        <v>927</v>
      </c>
      <c r="AH10" s="1" t="s">
        <v>925</v>
      </c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925</v>
      </c>
      <c r="AV10" s="1" t="s">
        <v>923</v>
      </c>
      <c r="AW10" s="1" t="s">
        <v>923</v>
      </c>
      <c r="AX10" s="1"/>
      <c r="AY10" s="1"/>
      <c r="AZ10" s="1"/>
      <c r="BA10" s="1"/>
      <c r="BB10" s="1" t="s">
        <v>924</v>
      </c>
      <c r="BC10" s="1">
        <v>0.82</v>
      </c>
      <c r="BD10" s="1">
        <v>0.87</v>
      </c>
      <c r="BE10" s="1"/>
      <c r="BF10" s="1"/>
      <c r="BG10" s="1"/>
      <c r="BH10" s="1"/>
      <c r="BI10" s="1"/>
      <c r="BJ10" s="1"/>
      <c r="BK10" s="1" t="s">
        <v>925</v>
      </c>
      <c r="BL10" s="1" t="s">
        <v>931</v>
      </c>
      <c r="BM10" s="1"/>
      <c r="BN10" s="1"/>
      <c r="BO10" s="1">
        <v>15</v>
      </c>
      <c r="BP10" s="1">
        <v>2.9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9097222222222217</v>
      </c>
      <c r="C11" s="1" t="s">
        <v>885</v>
      </c>
      <c r="D11" s="1" t="s">
        <v>68</v>
      </c>
      <c r="E11" s="1" t="s">
        <v>28</v>
      </c>
      <c r="F11" s="1" t="s">
        <v>274</v>
      </c>
      <c r="G11" s="1" t="s">
        <v>543</v>
      </c>
      <c r="H11" s="1" t="s">
        <v>312</v>
      </c>
      <c r="I11" s="1" t="s">
        <v>542</v>
      </c>
      <c r="J11" s="1" t="s">
        <v>407</v>
      </c>
      <c r="K11" s="1" t="s">
        <v>537</v>
      </c>
      <c r="L11" s="1" t="s">
        <v>34</v>
      </c>
      <c r="N11" s="1" t="s">
        <v>35</v>
      </c>
      <c r="O11" s="1" t="s">
        <v>74</v>
      </c>
      <c r="P11" s="1" t="s">
        <v>56</v>
      </c>
      <c r="Q11" s="1" t="s">
        <v>38</v>
      </c>
      <c r="R11" s="1" t="s">
        <v>47</v>
      </c>
      <c r="S11" s="1" t="s">
        <v>75</v>
      </c>
      <c r="T11" s="1" t="s">
        <v>538</v>
      </c>
      <c r="U11" s="1">
        <v>9.1999999999999993</v>
      </c>
      <c r="V11" s="1"/>
      <c r="W11" s="1"/>
      <c r="X11" s="1"/>
      <c r="Y11" s="1"/>
      <c r="Z11" s="1"/>
      <c r="AA11" s="1" t="s">
        <v>971</v>
      </c>
      <c r="AB11" s="1" t="s">
        <v>97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6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544</v>
      </c>
      <c r="B12" s="2">
        <v>0.44444444444444442</v>
      </c>
      <c r="C12" s="1" t="s">
        <v>885</v>
      </c>
      <c r="D12" s="1" t="s">
        <v>27</v>
      </c>
      <c r="E12" s="1" t="s">
        <v>28</v>
      </c>
      <c r="F12" s="1" t="s">
        <v>545</v>
      </c>
      <c r="G12" s="1" t="s">
        <v>452</v>
      </c>
      <c r="H12" s="1" t="s">
        <v>408</v>
      </c>
      <c r="I12" s="1" t="s">
        <v>546</v>
      </c>
      <c r="J12" s="1" t="s">
        <v>418</v>
      </c>
      <c r="K12" s="1" t="s">
        <v>261</v>
      </c>
      <c r="L12" s="1" t="s">
        <v>34</v>
      </c>
      <c r="N12" s="1" t="s">
        <v>35</v>
      </c>
      <c r="O12" s="1" t="s">
        <v>233</v>
      </c>
      <c r="P12" s="1" t="s">
        <v>56</v>
      </c>
      <c r="Q12" s="1" t="s">
        <v>91</v>
      </c>
      <c r="R12" s="1" t="s">
        <v>547</v>
      </c>
      <c r="S12" s="1" t="s">
        <v>75</v>
      </c>
      <c r="T12" s="1" t="s">
        <v>41</v>
      </c>
      <c r="U12" s="1">
        <v>8.9</v>
      </c>
      <c r="V12" s="3">
        <v>170</v>
      </c>
      <c r="W12" s="1" t="s">
        <v>929</v>
      </c>
      <c r="X12" s="1">
        <v>0.73</v>
      </c>
      <c r="Y12" s="1">
        <v>1.7000000000000001E-2</v>
      </c>
      <c r="Z12" s="1">
        <v>1E-3</v>
      </c>
      <c r="AA12" s="1" t="s">
        <v>970</v>
      </c>
      <c r="AB12" s="1" t="s">
        <v>940</v>
      </c>
      <c r="AC12" s="1" t="s">
        <v>923</v>
      </c>
      <c r="AD12" s="1" t="s">
        <v>924</v>
      </c>
      <c r="AE12" s="1" t="s">
        <v>925</v>
      </c>
      <c r="AF12" s="1" t="s">
        <v>926</v>
      </c>
      <c r="AG12" s="1" t="s">
        <v>927</v>
      </c>
      <c r="AH12" s="1" t="s">
        <v>925</v>
      </c>
      <c r="AI12" s="1"/>
      <c r="AJ12" s="1" t="s">
        <v>925</v>
      </c>
      <c r="AK12" s="1" t="s">
        <v>928</v>
      </c>
      <c r="AL12" s="1" t="s">
        <v>928</v>
      </c>
      <c r="AM12" s="1" t="s">
        <v>928</v>
      </c>
      <c r="AN12" s="1" t="s">
        <v>928</v>
      </c>
      <c r="AO12" s="1" t="s">
        <v>928</v>
      </c>
      <c r="AP12" t="s">
        <v>928</v>
      </c>
      <c r="AQ12" s="1" t="s">
        <v>928</v>
      </c>
      <c r="AR12" s="1" t="s">
        <v>928</v>
      </c>
      <c r="AS12" s="1" t="s">
        <v>928</v>
      </c>
      <c r="AT12" s="1" t="s">
        <v>930</v>
      </c>
      <c r="AU12" s="1"/>
      <c r="AV12" s="1"/>
      <c r="AW12" s="1"/>
      <c r="AX12" s="1" t="s">
        <v>928</v>
      </c>
      <c r="AY12" s="1" t="s">
        <v>937</v>
      </c>
      <c r="AZ12" s="1" t="s">
        <v>936</v>
      </c>
      <c r="BA12" s="1" t="s">
        <v>926</v>
      </c>
      <c r="BB12" s="1" t="s">
        <v>924</v>
      </c>
      <c r="BC12" s="1">
        <v>0.68</v>
      </c>
      <c r="BD12" s="1">
        <v>0.73</v>
      </c>
      <c r="BE12" s="1" t="s">
        <v>927</v>
      </c>
      <c r="BF12" s="1" t="s">
        <v>927</v>
      </c>
      <c r="BG12" s="1">
        <v>8.9999999999999998E-4</v>
      </c>
      <c r="BH12" s="1" t="s">
        <v>926</v>
      </c>
      <c r="BI12" s="1" t="s">
        <v>924</v>
      </c>
      <c r="BJ12" s="1" t="s">
        <v>926</v>
      </c>
      <c r="BK12" s="1"/>
      <c r="BL12" s="1"/>
      <c r="BM12" s="1" t="s">
        <v>945</v>
      </c>
      <c r="BN12" s="1">
        <v>1.4999999999999999E-2</v>
      </c>
      <c r="BO12" s="1">
        <v>12</v>
      </c>
      <c r="BP12" s="1">
        <v>2</v>
      </c>
      <c r="BQ12" s="1"/>
      <c r="BR12" s="1" t="s">
        <v>946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95833333333333337</v>
      </c>
      <c r="C13" s="1" t="s">
        <v>885</v>
      </c>
      <c r="D13" s="1" t="s">
        <v>27</v>
      </c>
      <c r="E13" s="1" t="s">
        <v>28</v>
      </c>
      <c r="F13" s="1" t="s">
        <v>508</v>
      </c>
      <c r="G13" s="1" t="s">
        <v>388</v>
      </c>
      <c r="H13" s="1" t="s">
        <v>548</v>
      </c>
      <c r="I13" s="1" t="s">
        <v>218</v>
      </c>
      <c r="J13" s="1" t="s">
        <v>254</v>
      </c>
      <c r="K13" s="1" t="s">
        <v>248</v>
      </c>
      <c r="L13" s="1" t="s">
        <v>34</v>
      </c>
      <c r="N13" s="1" t="s">
        <v>35</v>
      </c>
      <c r="O13" s="1" t="s">
        <v>74</v>
      </c>
      <c r="P13" s="1" t="s">
        <v>56</v>
      </c>
      <c r="Q13" s="1" t="s">
        <v>57</v>
      </c>
      <c r="R13" s="1" t="s">
        <v>118</v>
      </c>
      <c r="S13" s="1" t="s">
        <v>92</v>
      </c>
      <c r="T13" s="1" t="s">
        <v>538</v>
      </c>
      <c r="U13" s="1">
        <v>8.6999999999999993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2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9</v>
      </c>
      <c r="B14" s="2">
        <v>0.41736111111111113</v>
      </c>
      <c r="C14" s="1" t="s">
        <v>885</v>
      </c>
      <c r="D14" s="1" t="s">
        <v>27</v>
      </c>
      <c r="E14" s="1" t="s">
        <v>887</v>
      </c>
      <c r="F14" s="1" t="s">
        <v>77</v>
      </c>
      <c r="G14" s="1" t="s">
        <v>549</v>
      </c>
      <c r="H14" s="1" t="s">
        <v>300</v>
      </c>
      <c r="I14" s="1" t="s">
        <v>537</v>
      </c>
      <c r="J14" s="1" t="s">
        <v>418</v>
      </c>
      <c r="K14" s="1" t="s">
        <v>261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91</v>
      </c>
      <c r="R14" s="1" t="s">
        <v>547</v>
      </c>
      <c r="S14" s="1" t="s">
        <v>83</v>
      </c>
      <c r="T14" s="1" t="s">
        <v>538</v>
      </c>
      <c r="U14" s="1">
        <v>9.1999999999999993</v>
      </c>
      <c r="V14" s="3">
        <v>170</v>
      </c>
      <c r="W14" s="1"/>
      <c r="X14" s="1">
        <v>0.89</v>
      </c>
      <c r="Y14" s="1">
        <v>2.5999999999999999E-2</v>
      </c>
      <c r="Z14" s="1">
        <v>1.6000000000000001E-3</v>
      </c>
      <c r="AA14" s="1"/>
      <c r="AB14" s="1"/>
      <c r="AC14" s="1"/>
      <c r="AD14" s="1" t="s">
        <v>924</v>
      </c>
      <c r="AE14" s="1" t="s">
        <v>925</v>
      </c>
      <c r="AF14" s="1"/>
      <c r="AG14" s="1" t="s">
        <v>927</v>
      </c>
      <c r="AH14" s="1" t="s">
        <v>925</v>
      </c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924</v>
      </c>
      <c r="BC14" s="1">
        <v>0.82</v>
      </c>
      <c r="BD14" s="1">
        <v>0.87</v>
      </c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4</v>
      </c>
      <c r="BP14" s="1">
        <v>2.8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8402777777777775</v>
      </c>
      <c r="C15" s="1" t="s">
        <v>885</v>
      </c>
      <c r="D15" s="1" t="s">
        <v>27</v>
      </c>
      <c r="E15" s="1" t="s">
        <v>887</v>
      </c>
      <c r="F15" s="1" t="s">
        <v>433</v>
      </c>
      <c r="G15" s="1" t="s">
        <v>214</v>
      </c>
      <c r="H15" s="1" t="s">
        <v>550</v>
      </c>
      <c r="I15" s="1" t="s">
        <v>478</v>
      </c>
      <c r="J15" s="1" t="s">
        <v>271</v>
      </c>
      <c r="K15" s="1" t="s">
        <v>478</v>
      </c>
      <c r="L15" s="1" t="s">
        <v>34</v>
      </c>
      <c r="N15" s="1" t="s">
        <v>35</v>
      </c>
      <c r="O15" s="1" t="s">
        <v>74</v>
      </c>
      <c r="P15" s="1" t="s">
        <v>56</v>
      </c>
      <c r="Q15" s="1" t="s">
        <v>57</v>
      </c>
      <c r="R15" s="1" t="s">
        <v>109</v>
      </c>
      <c r="S15" s="1" t="s">
        <v>76</v>
      </c>
      <c r="T15" s="1" t="s">
        <v>41</v>
      </c>
      <c r="U15" s="1">
        <v>6.7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5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3</v>
      </c>
      <c r="B16" s="2">
        <v>0.40972222222222227</v>
      </c>
      <c r="C16" s="1" t="s">
        <v>885</v>
      </c>
      <c r="D16" s="1" t="s">
        <v>27</v>
      </c>
      <c r="E16" s="1" t="s">
        <v>28</v>
      </c>
      <c r="F16" s="1" t="s">
        <v>29</v>
      </c>
      <c r="G16" s="1" t="s">
        <v>551</v>
      </c>
      <c r="H16" s="1" t="s">
        <v>271</v>
      </c>
      <c r="I16" s="1" t="s">
        <v>399</v>
      </c>
      <c r="J16" s="1" t="s">
        <v>407</v>
      </c>
      <c r="K16" s="1" t="s">
        <v>194</v>
      </c>
      <c r="L16" s="1" t="s">
        <v>34</v>
      </c>
      <c r="N16" s="1" t="s">
        <v>35</v>
      </c>
      <c r="O16" s="1" t="s">
        <v>74</v>
      </c>
      <c r="P16" s="1" t="s">
        <v>56</v>
      </c>
      <c r="Q16" s="1" t="s">
        <v>91</v>
      </c>
      <c r="R16" s="1" t="s">
        <v>159</v>
      </c>
      <c r="S16" s="1" t="s">
        <v>58</v>
      </c>
      <c r="T16" s="1" t="s">
        <v>538</v>
      </c>
      <c r="U16" s="1">
        <v>10.5</v>
      </c>
      <c r="V16" s="3">
        <v>79</v>
      </c>
      <c r="W16" s="1"/>
      <c r="X16" s="1">
        <v>1</v>
      </c>
      <c r="Y16" s="1">
        <v>1.7999999999999999E-2</v>
      </c>
      <c r="Z16" s="1">
        <v>1.8E-3</v>
      </c>
      <c r="AA16" s="1"/>
      <c r="AB16" s="1"/>
      <c r="AC16" s="1" t="s">
        <v>923</v>
      </c>
      <c r="AD16" s="1" t="s">
        <v>924</v>
      </c>
      <c r="AE16" s="1" t="s">
        <v>925</v>
      </c>
      <c r="AF16" s="1" t="s">
        <v>926</v>
      </c>
      <c r="AG16" s="1" t="s">
        <v>927</v>
      </c>
      <c r="AH16" s="1" t="s">
        <v>925</v>
      </c>
      <c r="AI16" s="1"/>
      <c r="AJ16" s="1"/>
      <c r="AK16" s="1"/>
      <c r="AL16" s="1" t="s">
        <v>928</v>
      </c>
      <c r="AM16" s="1"/>
      <c r="AN16" s="1"/>
      <c r="AO16" s="1"/>
      <c r="AP16" t="s">
        <v>928</v>
      </c>
      <c r="AQ16" s="1"/>
      <c r="AR16" s="1" t="s">
        <v>928</v>
      </c>
      <c r="AS16" s="1" t="s">
        <v>928</v>
      </c>
      <c r="AT16" s="1"/>
      <c r="AU16" s="1"/>
      <c r="AV16" s="1"/>
      <c r="AW16" s="1"/>
      <c r="AX16" s="1"/>
      <c r="AY16" s="1"/>
      <c r="AZ16" s="1" t="s">
        <v>936</v>
      </c>
      <c r="BA16" s="1" t="s">
        <v>926</v>
      </c>
      <c r="BB16" s="1" t="s">
        <v>924</v>
      </c>
      <c r="BC16" s="1">
        <v>0.9</v>
      </c>
      <c r="BD16" s="1">
        <v>0.95</v>
      </c>
      <c r="BE16" s="1"/>
      <c r="BF16" s="1"/>
      <c r="BG16" s="1"/>
      <c r="BH16" s="1"/>
      <c r="BI16" s="1"/>
      <c r="BJ16" s="1"/>
      <c r="BK16" s="1"/>
      <c r="BL16" s="1"/>
      <c r="BM16" s="1" t="s">
        <v>945</v>
      </c>
      <c r="BN16" s="1">
        <v>1.2E-2</v>
      </c>
      <c r="BO16" s="1">
        <v>16</v>
      </c>
      <c r="BP16" s="1">
        <v>3.3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7013888888888891</v>
      </c>
      <c r="C17" s="1" t="s">
        <v>885</v>
      </c>
      <c r="D17" s="1" t="s">
        <v>27</v>
      </c>
      <c r="E17" s="1" t="s">
        <v>28</v>
      </c>
      <c r="F17" s="1" t="s">
        <v>154</v>
      </c>
      <c r="G17" s="1" t="s">
        <v>374</v>
      </c>
      <c r="H17" s="1" t="s">
        <v>552</v>
      </c>
      <c r="I17" s="1" t="s">
        <v>548</v>
      </c>
      <c r="J17" s="1" t="s">
        <v>407</v>
      </c>
      <c r="K17" s="1" t="s">
        <v>194</v>
      </c>
      <c r="L17" s="1" t="s">
        <v>34</v>
      </c>
      <c r="N17" s="1" t="s">
        <v>35</v>
      </c>
      <c r="O17" s="1" t="s">
        <v>74</v>
      </c>
      <c r="P17" s="1" t="s">
        <v>56</v>
      </c>
      <c r="Q17" s="1" t="s">
        <v>99</v>
      </c>
      <c r="R17" s="1" t="s">
        <v>177</v>
      </c>
      <c r="S17" s="1" t="s">
        <v>152</v>
      </c>
      <c r="T17" s="1" t="s">
        <v>538</v>
      </c>
      <c r="U17" s="1">
        <v>10.3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6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6</v>
      </c>
      <c r="B18" s="2">
        <v>0.41666666666666669</v>
      </c>
      <c r="C18" s="1" t="s">
        <v>885</v>
      </c>
      <c r="D18" s="1" t="s">
        <v>68</v>
      </c>
      <c r="E18" s="1" t="s">
        <v>28</v>
      </c>
      <c r="F18" s="1" t="s">
        <v>553</v>
      </c>
      <c r="G18" s="1" t="s">
        <v>554</v>
      </c>
      <c r="H18" s="1" t="s">
        <v>552</v>
      </c>
      <c r="I18" s="1" t="s">
        <v>229</v>
      </c>
      <c r="J18" s="1" t="s">
        <v>407</v>
      </c>
      <c r="K18" s="1" t="s">
        <v>194</v>
      </c>
      <c r="L18" s="1" t="s">
        <v>34</v>
      </c>
      <c r="N18" s="1" t="s">
        <v>35</v>
      </c>
      <c r="O18" s="1" t="s">
        <v>74</v>
      </c>
      <c r="P18" s="1" t="s">
        <v>56</v>
      </c>
      <c r="Q18" s="1" t="s">
        <v>91</v>
      </c>
      <c r="R18" s="1" t="s">
        <v>132</v>
      </c>
      <c r="S18" s="1" t="s">
        <v>196</v>
      </c>
      <c r="T18" s="1" t="s">
        <v>538</v>
      </c>
      <c r="U18" s="1">
        <v>11.2</v>
      </c>
      <c r="V18" s="3">
        <v>3300</v>
      </c>
      <c r="W18" s="1"/>
      <c r="X18" s="1">
        <v>0.8</v>
      </c>
      <c r="Y18" s="1">
        <v>1.4999999999999999E-2</v>
      </c>
      <c r="Z18" s="1">
        <v>1.6000000000000001E-3</v>
      </c>
      <c r="AA18" s="1" t="s">
        <v>970</v>
      </c>
      <c r="AB18" s="1" t="s">
        <v>940</v>
      </c>
      <c r="AC18" s="1"/>
      <c r="AD18" s="1" t="s">
        <v>924</v>
      </c>
      <c r="AE18" s="1" t="s">
        <v>925</v>
      </c>
      <c r="AF18" s="1"/>
      <c r="AG18" s="1" t="s">
        <v>927</v>
      </c>
      <c r="AH18" s="1" t="s">
        <v>925</v>
      </c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924</v>
      </c>
      <c r="BC18" s="1">
        <v>0.75</v>
      </c>
      <c r="BD18" s="1">
        <v>0.8</v>
      </c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5</v>
      </c>
      <c r="BP18" s="1">
        <v>3.2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881944444444444</v>
      </c>
      <c r="C19" s="1" t="s">
        <v>885</v>
      </c>
      <c r="D19" s="1" t="s">
        <v>153</v>
      </c>
      <c r="E19" s="1" t="s">
        <v>28</v>
      </c>
      <c r="F19" s="1" t="s">
        <v>375</v>
      </c>
      <c r="G19" s="1" t="s">
        <v>555</v>
      </c>
      <c r="H19" s="1" t="s">
        <v>384</v>
      </c>
      <c r="I19" s="1" t="s">
        <v>312</v>
      </c>
      <c r="J19" s="1" t="s">
        <v>552</v>
      </c>
      <c r="K19" s="1" t="s">
        <v>556</v>
      </c>
      <c r="L19" s="1" t="s">
        <v>34</v>
      </c>
      <c r="N19" s="1" t="s">
        <v>35</v>
      </c>
      <c r="O19" s="1" t="s">
        <v>74</v>
      </c>
      <c r="P19" s="1" t="s">
        <v>56</v>
      </c>
      <c r="Q19" s="1" t="s">
        <v>57</v>
      </c>
      <c r="R19" s="1" t="s">
        <v>47</v>
      </c>
      <c r="S19" s="1" t="s">
        <v>82</v>
      </c>
      <c r="T19" s="1" t="s">
        <v>538</v>
      </c>
      <c r="U19" s="1">
        <v>10.4</v>
      </c>
      <c r="V19" s="1"/>
      <c r="W19" s="1"/>
      <c r="X19" s="1"/>
      <c r="Y19" s="1"/>
      <c r="Z19" s="1"/>
      <c r="AA19" s="1" t="s">
        <v>971</v>
      </c>
      <c r="AB19" s="1" t="s">
        <v>97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6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1</v>
      </c>
      <c r="B20" s="2">
        <v>0.41666666666666669</v>
      </c>
      <c r="C20" s="1" t="s">
        <v>885</v>
      </c>
      <c r="D20" s="1" t="s">
        <v>68</v>
      </c>
      <c r="E20" s="1" t="s">
        <v>887</v>
      </c>
      <c r="F20" s="1" t="s">
        <v>220</v>
      </c>
      <c r="G20" s="1" t="s">
        <v>210</v>
      </c>
      <c r="H20" s="1" t="s">
        <v>557</v>
      </c>
      <c r="I20" s="1" t="s">
        <v>292</v>
      </c>
      <c r="J20" s="1" t="s">
        <v>418</v>
      </c>
      <c r="K20" s="1" t="s">
        <v>258</v>
      </c>
      <c r="L20" s="1" t="s">
        <v>34</v>
      </c>
      <c r="N20" s="1" t="s">
        <v>35</v>
      </c>
      <c r="O20" s="1" t="s">
        <v>233</v>
      </c>
      <c r="P20" s="1" t="s">
        <v>56</v>
      </c>
      <c r="Q20" s="1" t="s">
        <v>99</v>
      </c>
      <c r="R20" s="1" t="s">
        <v>132</v>
      </c>
      <c r="S20" s="1" t="s">
        <v>48</v>
      </c>
      <c r="T20" s="1" t="s">
        <v>538</v>
      </c>
      <c r="U20" s="1">
        <v>10.6</v>
      </c>
      <c r="V20" s="3">
        <v>490</v>
      </c>
      <c r="W20" s="1"/>
      <c r="X20" s="1">
        <v>0.79</v>
      </c>
      <c r="Y20" s="1">
        <v>1.2999999999999999E-2</v>
      </c>
      <c r="Z20" s="1">
        <v>2E-3</v>
      </c>
      <c r="AA20" s="1" t="s">
        <v>971</v>
      </c>
      <c r="AB20" s="1" t="s">
        <v>971</v>
      </c>
      <c r="AC20" s="1" t="s">
        <v>923</v>
      </c>
      <c r="AD20" s="1" t="s">
        <v>924</v>
      </c>
      <c r="AE20" s="1" t="s">
        <v>925</v>
      </c>
      <c r="AF20" s="1" t="s">
        <v>926</v>
      </c>
      <c r="AG20" s="1" t="s">
        <v>927</v>
      </c>
      <c r="AH20" s="1" t="s">
        <v>925</v>
      </c>
      <c r="AI20" s="1"/>
      <c r="AJ20" s="1"/>
      <c r="AK20" s="1"/>
      <c r="AL20" s="1" t="s">
        <v>928</v>
      </c>
      <c r="AM20" s="1"/>
      <c r="AN20" s="1"/>
      <c r="AO20" s="1"/>
      <c r="AP20" t="s">
        <v>928</v>
      </c>
      <c r="AQ20" s="1"/>
      <c r="AR20" s="1" t="s">
        <v>928</v>
      </c>
      <c r="AS20" s="1" t="s">
        <v>928</v>
      </c>
      <c r="AT20" s="1"/>
      <c r="AU20" s="1"/>
      <c r="AV20" s="1"/>
      <c r="AW20" s="1"/>
      <c r="AX20" s="1"/>
      <c r="AY20" s="1"/>
      <c r="AZ20" s="1" t="s">
        <v>936</v>
      </c>
      <c r="BA20" s="1" t="s">
        <v>926</v>
      </c>
      <c r="BB20" s="1" t="s">
        <v>924</v>
      </c>
      <c r="BC20" s="1">
        <v>0.67</v>
      </c>
      <c r="BD20" s="1">
        <v>0.72</v>
      </c>
      <c r="BE20" s="1"/>
      <c r="BF20" s="1"/>
      <c r="BG20" s="1"/>
      <c r="BH20" s="1"/>
      <c r="BI20" s="1"/>
      <c r="BJ20" s="1"/>
      <c r="BK20" s="1"/>
      <c r="BL20" s="1"/>
      <c r="BM20" s="1" t="s">
        <v>945</v>
      </c>
      <c r="BN20" s="1">
        <v>7.0000000000000001E-3</v>
      </c>
      <c r="BO20" s="1">
        <v>14</v>
      </c>
      <c r="BP20" s="1">
        <v>2.5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7916666666666676</v>
      </c>
      <c r="C21" s="1" t="s">
        <v>885</v>
      </c>
      <c r="D21" s="1" t="s">
        <v>68</v>
      </c>
      <c r="E21" s="1" t="s">
        <v>887</v>
      </c>
      <c r="F21" s="1" t="s">
        <v>555</v>
      </c>
      <c r="G21" s="1" t="s">
        <v>147</v>
      </c>
      <c r="H21" s="1" t="s">
        <v>294</v>
      </c>
      <c r="I21" s="1" t="s">
        <v>45</v>
      </c>
      <c r="J21" s="1" t="s">
        <v>254</v>
      </c>
      <c r="K21" s="1" t="s">
        <v>221</v>
      </c>
      <c r="L21" s="1" t="s">
        <v>34</v>
      </c>
      <c r="N21" s="1" t="s">
        <v>35</v>
      </c>
      <c r="O21" s="1" t="s">
        <v>233</v>
      </c>
      <c r="P21" s="1" t="s">
        <v>56</v>
      </c>
      <c r="Q21" s="1" t="s">
        <v>57</v>
      </c>
      <c r="R21" s="1" t="s">
        <v>39</v>
      </c>
      <c r="S21" s="1" t="s">
        <v>48</v>
      </c>
      <c r="T21" s="1" t="s">
        <v>538</v>
      </c>
      <c r="U21" s="1">
        <v>11.4</v>
      </c>
      <c r="V21" s="1"/>
      <c r="W21" s="1"/>
      <c r="X21" s="1"/>
      <c r="Y21" s="1"/>
      <c r="Z21" s="1"/>
      <c r="AA21" s="1" t="s">
        <v>971</v>
      </c>
      <c r="AB21" s="1" t="s">
        <v>97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4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1</v>
      </c>
      <c r="B22" s="2">
        <v>0.40763888888888888</v>
      </c>
      <c r="C22" s="1" t="s">
        <v>885</v>
      </c>
      <c r="D22" s="1" t="s">
        <v>27</v>
      </c>
      <c r="E22" s="1" t="s">
        <v>28</v>
      </c>
      <c r="F22" s="1" t="s">
        <v>558</v>
      </c>
      <c r="G22" s="1" t="s">
        <v>559</v>
      </c>
      <c r="H22" s="1" t="s">
        <v>254</v>
      </c>
      <c r="I22" s="1" t="s">
        <v>548</v>
      </c>
      <c r="J22" s="1" t="s">
        <v>552</v>
      </c>
      <c r="K22" s="1" t="s">
        <v>314</v>
      </c>
      <c r="L22" s="1" t="s">
        <v>34</v>
      </c>
      <c r="N22" s="1" t="s">
        <v>35</v>
      </c>
      <c r="O22" s="1" t="s">
        <v>74</v>
      </c>
      <c r="P22" s="1" t="s">
        <v>56</v>
      </c>
      <c r="Q22" s="1" t="s">
        <v>99</v>
      </c>
      <c r="R22" s="1" t="s">
        <v>317</v>
      </c>
      <c r="S22" s="1" t="s">
        <v>152</v>
      </c>
      <c r="T22" s="1" t="s">
        <v>538</v>
      </c>
      <c r="U22" s="1">
        <v>13.3</v>
      </c>
      <c r="V22" s="3">
        <v>79</v>
      </c>
      <c r="W22" s="1"/>
      <c r="X22" s="1">
        <v>0.86</v>
      </c>
      <c r="Y22" s="1">
        <v>1.2999999999999999E-2</v>
      </c>
      <c r="Z22" s="1">
        <v>1.4E-3</v>
      </c>
      <c r="AA22" s="1" t="s">
        <v>971</v>
      </c>
      <c r="AB22" s="1" t="s">
        <v>971</v>
      </c>
      <c r="AC22" s="1"/>
      <c r="AD22" s="1" t="s">
        <v>924</v>
      </c>
      <c r="AE22" s="1" t="s">
        <v>925</v>
      </c>
      <c r="AF22" s="1"/>
      <c r="AG22" s="1" t="s">
        <v>927</v>
      </c>
      <c r="AH22" s="1" t="s">
        <v>925</v>
      </c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924</v>
      </c>
      <c r="BC22" s="1">
        <v>0.82</v>
      </c>
      <c r="BD22" s="1">
        <v>0.87</v>
      </c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4</v>
      </c>
      <c r="BP22" s="1">
        <v>4.5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8194444444444453</v>
      </c>
      <c r="C23" s="1" t="s">
        <v>885</v>
      </c>
      <c r="D23" s="1" t="s">
        <v>27</v>
      </c>
      <c r="E23" s="1" t="s">
        <v>28</v>
      </c>
      <c r="F23" s="1" t="s">
        <v>560</v>
      </c>
      <c r="G23" s="1" t="s">
        <v>76</v>
      </c>
      <c r="H23" s="1" t="s">
        <v>254</v>
      </c>
      <c r="I23" s="1" t="s">
        <v>548</v>
      </c>
      <c r="J23" s="1" t="s">
        <v>407</v>
      </c>
      <c r="K23" s="1" t="s">
        <v>194</v>
      </c>
      <c r="L23" s="1" t="s">
        <v>34</v>
      </c>
      <c r="N23" s="1" t="s">
        <v>35</v>
      </c>
      <c r="O23" s="1" t="s">
        <v>74</v>
      </c>
      <c r="P23" s="1" t="s">
        <v>56</v>
      </c>
      <c r="Q23" s="1" t="s">
        <v>57</v>
      </c>
      <c r="R23" s="1" t="s">
        <v>177</v>
      </c>
      <c r="S23" s="1" t="s">
        <v>47</v>
      </c>
      <c r="T23" s="1" t="s">
        <v>538</v>
      </c>
      <c r="U23" s="1">
        <v>13.1</v>
      </c>
      <c r="V23" s="1"/>
      <c r="W23" s="1"/>
      <c r="X23" s="1"/>
      <c r="Y23" s="1"/>
      <c r="Z23" s="1"/>
      <c r="AA23" s="1" t="s">
        <v>971</v>
      </c>
      <c r="AB23" s="1" t="s">
        <v>971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4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2</v>
      </c>
      <c r="B24" s="2">
        <v>0.42708333333333331</v>
      </c>
      <c r="C24" s="1" t="s">
        <v>885</v>
      </c>
      <c r="D24" s="1" t="s">
        <v>27</v>
      </c>
      <c r="E24" s="1" t="s">
        <v>887</v>
      </c>
      <c r="F24" s="1" t="s">
        <v>555</v>
      </c>
      <c r="G24" s="1" t="s">
        <v>347</v>
      </c>
      <c r="H24" s="1" t="s">
        <v>271</v>
      </c>
      <c r="I24" s="1" t="s">
        <v>237</v>
      </c>
      <c r="J24" s="1" t="s">
        <v>407</v>
      </c>
      <c r="K24" s="1" t="s">
        <v>200</v>
      </c>
      <c r="L24" s="1" t="s">
        <v>34</v>
      </c>
      <c r="N24" s="1" t="s">
        <v>35</v>
      </c>
      <c r="O24" s="1" t="s">
        <v>74</v>
      </c>
      <c r="P24" s="1" t="s">
        <v>56</v>
      </c>
      <c r="Q24" s="1" t="s">
        <v>38</v>
      </c>
      <c r="R24" s="1" t="s">
        <v>177</v>
      </c>
      <c r="S24" s="1" t="s">
        <v>58</v>
      </c>
      <c r="T24" s="1" t="s">
        <v>538</v>
      </c>
      <c r="U24" s="1">
        <v>12.3</v>
      </c>
      <c r="V24" s="3">
        <v>230</v>
      </c>
      <c r="W24" s="1" t="s">
        <v>929</v>
      </c>
      <c r="X24" s="1">
        <v>0.85</v>
      </c>
      <c r="Y24" s="1">
        <v>1.2999999999999999E-2</v>
      </c>
      <c r="Z24" s="1">
        <v>2.8E-3</v>
      </c>
      <c r="AA24" s="1" t="s">
        <v>970</v>
      </c>
      <c r="AB24" s="1" t="s">
        <v>940</v>
      </c>
      <c r="AC24" s="1" t="s">
        <v>923</v>
      </c>
      <c r="AD24" s="1" t="s">
        <v>924</v>
      </c>
      <c r="AE24" s="1" t="s">
        <v>925</v>
      </c>
      <c r="AF24" s="1" t="s">
        <v>926</v>
      </c>
      <c r="AG24" s="1" t="s">
        <v>927</v>
      </c>
      <c r="AH24" s="1" t="s">
        <v>925</v>
      </c>
      <c r="AI24" s="1"/>
      <c r="AJ24" s="1" t="s">
        <v>925</v>
      </c>
      <c r="AK24" s="1" t="s">
        <v>928</v>
      </c>
      <c r="AL24" s="1" t="s">
        <v>928</v>
      </c>
      <c r="AM24" s="1" t="s">
        <v>928</v>
      </c>
      <c r="AN24" s="1" t="s">
        <v>928</v>
      </c>
      <c r="AO24" s="1" t="s">
        <v>928</v>
      </c>
      <c r="AP24" t="s">
        <v>928</v>
      </c>
      <c r="AQ24" s="1" t="s">
        <v>928</v>
      </c>
      <c r="AR24" s="1" t="s">
        <v>928</v>
      </c>
      <c r="AS24" s="1" t="s">
        <v>928</v>
      </c>
      <c r="AT24" s="1" t="s">
        <v>930</v>
      </c>
      <c r="AU24" s="1"/>
      <c r="AV24" s="1"/>
      <c r="AW24" s="1"/>
      <c r="AX24" s="1" t="s">
        <v>928</v>
      </c>
      <c r="AY24" s="1" t="s">
        <v>937</v>
      </c>
      <c r="AZ24" s="1" t="s">
        <v>936</v>
      </c>
      <c r="BA24" s="1" t="s">
        <v>926</v>
      </c>
      <c r="BB24" s="1" t="s">
        <v>924</v>
      </c>
      <c r="BC24" s="1">
        <v>0.81</v>
      </c>
      <c r="BD24" s="1">
        <v>0.86</v>
      </c>
      <c r="BE24" s="1" t="s">
        <v>927</v>
      </c>
      <c r="BF24" s="1" t="s">
        <v>927</v>
      </c>
      <c r="BG24" s="1">
        <v>6.9999999999999999E-4</v>
      </c>
      <c r="BH24" s="1" t="s">
        <v>926</v>
      </c>
      <c r="BI24" s="1" t="s">
        <v>924</v>
      </c>
      <c r="BJ24" s="1" t="s">
        <v>926</v>
      </c>
      <c r="BK24" s="1"/>
      <c r="BL24" s="1"/>
      <c r="BM24" s="1" t="s">
        <v>945</v>
      </c>
      <c r="BN24" s="1">
        <v>8.9999999999999993E-3</v>
      </c>
      <c r="BO24" s="1">
        <v>15</v>
      </c>
      <c r="BP24" s="1">
        <v>4</v>
      </c>
      <c r="BQ24" s="1"/>
      <c r="BR24" s="1" t="s">
        <v>946</v>
      </c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9236111111111116</v>
      </c>
      <c r="C25" s="1" t="s">
        <v>885</v>
      </c>
      <c r="D25" s="1" t="s">
        <v>68</v>
      </c>
      <c r="E25" s="1" t="s">
        <v>887</v>
      </c>
      <c r="F25" s="1" t="s">
        <v>357</v>
      </c>
      <c r="G25" s="1" t="s">
        <v>366</v>
      </c>
      <c r="H25" s="1" t="s">
        <v>552</v>
      </c>
      <c r="I25" s="1" t="s">
        <v>300</v>
      </c>
      <c r="J25" s="1" t="s">
        <v>407</v>
      </c>
      <c r="K25" s="1" t="s">
        <v>537</v>
      </c>
      <c r="L25" s="1" t="s">
        <v>34</v>
      </c>
      <c r="N25" s="1" t="s">
        <v>35</v>
      </c>
      <c r="O25" s="1" t="s">
        <v>74</v>
      </c>
      <c r="P25" s="1" t="s">
        <v>56</v>
      </c>
      <c r="Q25" s="1" t="s">
        <v>38</v>
      </c>
      <c r="R25" s="1" t="s">
        <v>404</v>
      </c>
      <c r="S25" s="1" t="s">
        <v>39</v>
      </c>
      <c r="T25" s="1" t="s">
        <v>538</v>
      </c>
      <c r="U25" s="1">
        <v>11.7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5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7</v>
      </c>
      <c r="B26" s="2">
        <v>0.40902777777777777</v>
      </c>
      <c r="C26" s="1" t="s">
        <v>885</v>
      </c>
      <c r="D26" s="1" t="s">
        <v>68</v>
      </c>
      <c r="E26" s="1" t="s">
        <v>887</v>
      </c>
      <c r="F26" s="1" t="s">
        <v>347</v>
      </c>
      <c r="G26" s="1" t="s">
        <v>561</v>
      </c>
      <c r="H26" s="1" t="s">
        <v>418</v>
      </c>
      <c r="I26" s="1" t="s">
        <v>550</v>
      </c>
      <c r="J26" s="1" t="s">
        <v>407</v>
      </c>
      <c r="K26" s="1" t="s">
        <v>562</v>
      </c>
      <c r="L26" s="1" t="s">
        <v>34</v>
      </c>
      <c r="N26" s="1" t="s">
        <v>35</v>
      </c>
      <c r="O26" s="1" t="s">
        <v>233</v>
      </c>
      <c r="P26" s="1" t="s">
        <v>56</v>
      </c>
      <c r="Q26" s="1" t="s">
        <v>38</v>
      </c>
      <c r="R26" s="1" t="s">
        <v>132</v>
      </c>
      <c r="S26" s="1" t="s">
        <v>160</v>
      </c>
      <c r="T26" s="1" t="s">
        <v>41</v>
      </c>
      <c r="U26" s="1">
        <v>12.4</v>
      </c>
      <c r="V26" s="3">
        <v>230</v>
      </c>
      <c r="W26" s="1"/>
      <c r="X26" s="1">
        <v>1.2</v>
      </c>
      <c r="Y26" s="1">
        <v>1.9E-2</v>
      </c>
      <c r="Z26" s="1">
        <v>8.9999999999999998E-4</v>
      </c>
      <c r="AA26" s="1"/>
      <c r="AB26" s="1"/>
      <c r="AC26" s="1"/>
      <c r="AD26" s="1" t="s">
        <v>924</v>
      </c>
      <c r="AE26" s="1" t="s">
        <v>925</v>
      </c>
      <c r="AF26" s="1"/>
      <c r="AG26" s="1" t="s">
        <v>927</v>
      </c>
      <c r="AH26" s="1" t="s">
        <v>925</v>
      </c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925</v>
      </c>
      <c r="AV26" s="1" t="s">
        <v>923</v>
      </c>
      <c r="AW26" s="1" t="s">
        <v>923</v>
      </c>
      <c r="AX26" s="1"/>
      <c r="AY26" s="1"/>
      <c r="AZ26" s="1"/>
      <c r="BA26" s="1"/>
      <c r="BB26" s="1" t="s">
        <v>924</v>
      </c>
      <c r="BC26" s="1">
        <v>1.1000000000000001</v>
      </c>
      <c r="BD26" s="1">
        <v>1.1000000000000001</v>
      </c>
      <c r="BE26" s="1"/>
      <c r="BF26" s="1"/>
      <c r="BG26" s="1"/>
      <c r="BH26" s="1"/>
      <c r="BI26" s="1"/>
      <c r="BJ26" s="1"/>
      <c r="BK26" s="1" t="s">
        <v>925</v>
      </c>
      <c r="BL26" s="1" t="s">
        <v>931</v>
      </c>
      <c r="BM26" s="1"/>
      <c r="BN26" s="1"/>
      <c r="BO26" s="1">
        <v>14</v>
      </c>
      <c r="BP26" s="1">
        <v>3.4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8194444444444453</v>
      </c>
      <c r="C27" s="1" t="s">
        <v>885</v>
      </c>
      <c r="D27" s="1" t="s">
        <v>153</v>
      </c>
      <c r="E27" s="1" t="s">
        <v>887</v>
      </c>
      <c r="F27" s="1" t="s">
        <v>375</v>
      </c>
      <c r="G27" s="1" t="s">
        <v>192</v>
      </c>
      <c r="H27" s="1" t="s">
        <v>271</v>
      </c>
      <c r="I27" s="1" t="s">
        <v>294</v>
      </c>
      <c r="J27" s="1" t="s">
        <v>407</v>
      </c>
      <c r="K27" s="1" t="s">
        <v>200</v>
      </c>
      <c r="L27" s="1" t="s">
        <v>34</v>
      </c>
      <c r="N27" s="1" t="s">
        <v>35</v>
      </c>
      <c r="O27" s="1" t="s">
        <v>74</v>
      </c>
      <c r="P27" s="1" t="s">
        <v>56</v>
      </c>
      <c r="Q27" s="1" t="s">
        <v>99</v>
      </c>
      <c r="R27" s="1" t="s">
        <v>39</v>
      </c>
      <c r="S27" s="1" t="s">
        <v>48</v>
      </c>
      <c r="T27" s="1" t="s">
        <v>41</v>
      </c>
      <c r="U27" s="1">
        <v>11.2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3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892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00</v>
      </c>
      <c r="C1" s="1" t="s">
        <v>1</v>
      </c>
      <c r="D1" s="1" t="s">
        <v>901</v>
      </c>
      <c r="E1" s="1" t="s">
        <v>2</v>
      </c>
      <c r="F1" s="1" t="s">
        <v>876</v>
      </c>
      <c r="G1" s="1" t="s">
        <v>3</v>
      </c>
      <c r="H1" s="1" t="s">
        <v>87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0</v>
      </c>
      <c r="AB2" s="1" t="s">
        <v>963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9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5416666666666669</v>
      </c>
      <c r="C4" s="1" t="s">
        <v>885</v>
      </c>
      <c r="D4" s="1" t="s">
        <v>27</v>
      </c>
      <c r="E4" s="1" t="s">
        <v>28</v>
      </c>
      <c r="F4" s="1" t="s">
        <v>279</v>
      </c>
      <c r="G4" s="1" t="s">
        <v>563</v>
      </c>
      <c r="H4" s="1" t="s">
        <v>264</v>
      </c>
      <c r="I4" s="1" t="s">
        <v>564</v>
      </c>
      <c r="J4" s="1" t="s">
        <v>223</v>
      </c>
      <c r="K4" s="1" t="s">
        <v>565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38</v>
      </c>
      <c r="R4" s="1" t="s">
        <v>159</v>
      </c>
      <c r="S4" s="1" t="s">
        <v>58</v>
      </c>
      <c r="T4" s="1" t="s">
        <v>41</v>
      </c>
      <c r="U4" s="1">
        <v>12</v>
      </c>
      <c r="V4" s="3">
        <v>230</v>
      </c>
      <c r="W4" s="1"/>
      <c r="X4" s="1">
        <v>0.44</v>
      </c>
      <c r="Y4" s="1">
        <v>1.0999999999999999E-2</v>
      </c>
      <c r="Z4" s="1">
        <v>2.3999999999999998E-3</v>
      </c>
      <c r="AA4" s="1"/>
      <c r="AB4" s="1"/>
      <c r="AC4" s="1" t="s">
        <v>923</v>
      </c>
      <c r="AD4" s="1" t="s">
        <v>924</v>
      </c>
      <c r="AE4" s="1" t="s">
        <v>925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28</v>
      </c>
      <c r="AM4" s="1"/>
      <c r="AN4" s="1"/>
      <c r="AO4" s="1"/>
      <c r="AP4" t="s">
        <v>928</v>
      </c>
      <c r="AQ4" s="1"/>
      <c r="AR4" s="1" t="s">
        <v>928</v>
      </c>
      <c r="AS4" s="1" t="s">
        <v>928</v>
      </c>
      <c r="AT4" s="1"/>
      <c r="AU4" s="1"/>
      <c r="AV4" s="1"/>
      <c r="AW4" s="1"/>
      <c r="AX4" s="1"/>
      <c r="AY4" s="1"/>
      <c r="AZ4" s="1" t="s">
        <v>936</v>
      </c>
      <c r="BA4" s="1" t="s">
        <v>926</v>
      </c>
      <c r="BB4" s="1" t="s">
        <v>924</v>
      </c>
      <c r="BC4" s="1">
        <v>0.34</v>
      </c>
      <c r="BD4" s="1">
        <v>0.39</v>
      </c>
      <c r="BE4" s="1"/>
      <c r="BF4" s="1"/>
      <c r="BG4" s="1"/>
      <c r="BH4" s="1"/>
      <c r="BI4" s="1"/>
      <c r="BJ4" s="1"/>
      <c r="BK4" s="1"/>
      <c r="BL4" s="1"/>
      <c r="BM4" s="1" t="s">
        <v>945</v>
      </c>
      <c r="BN4" s="1">
        <v>8.0000000000000002E-3</v>
      </c>
      <c r="BO4" s="1">
        <v>13</v>
      </c>
      <c r="BP4" s="1">
        <v>2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4027777777777779</v>
      </c>
      <c r="C5" s="1" t="s">
        <v>885</v>
      </c>
      <c r="D5" s="1" t="s">
        <v>27</v>
      </c>
      <c r="E5" s="1" t="s">
        <v>28</v>
      </c>
      <c r="F5" s="1" t="s">
        <v>240</v>
      </c>
      <c r="G5" s="1" t="s">
        <v>205</v>
      </c>
      <c r="J5" s="1" t="s">
        <v>418</v>
      </c>
      <c r="K5" s="1" t="s">
        <v>258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38</v>
      </c>
      <c r="R5" s="1" t="s">
        <v>159</v>
      </c>
      <c r="S5" s="1" t="s">
        <v>58</v>
      </c>
      <c r="T5" s="1" t="s">
        <v>538</v>
      </c>
      <c r="U5" s="1">
        <v>11.3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4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9</v>
      </c>
      <c r="B6" s="2">
        <v>0.34722222222222227</v>
      </c>
      <c r="C6" s="1" t="s">
        <v>885</v>
      </c>
      <c r="D6" s="1" t="s">
        <v>27</v>
      </c>
      <c r="E6" s="1" t="s">
        <v>887</v>
      </c>
      <c r="F6" s="1" t="s">
        <v>127</v>
      </c>
      <c r="G6" s="1" t="s">
        <v>566</v>
      </c>
      <c r="H6" s="1" t="s">
        <v>149</v>
      </c>
      <c r="I6" s="1" t="s">
        <v>567</v>
      </c>
      <c r="J6" s="1" t="s">
        <v>212</v>
      </c>
      <c r="K6" s="1" t="s">
        <v>520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99</v>
      </c>
      <c r="R6" s="1" t="s">
        <v>159</v>
      </c>
      <c r="S6" s="1" t="s">
        <v>152</v>
      </c>
      <c r="T6" s="1" t="s">
        <v>538</v>
      </c>
      <c r="U6" s="1">
        <v>10.1</v>
      </c>
      <c r="V6" s="3">
        <v>220</v>
      </c>
      <c r="W6" s="1"/>
      <c r="X6" s="1">
        <v>0.52</v>
      </c>
      <c r="Y6" s="1">
        <v>1.4E-2</v>
      </c>
      <c r="Z6" s="1">
        <v>1.4E-3</v>
      </c>
      <c r="AA6" s="1"/>
      <c r="AB6" s="1"/>
      <c r="AC6" s="1"/>
      <c r="AD6" s="1" t="s">
        <v>924</v>
      </c>
      <c r="AE6" s="1" t="s">
        <v>925</v>
      </c>
      <c r="AF6" s="1"/>
      <c r="AG6" s="1" t="s">
        <v>927</v>
      </c>
      <c r="AH6" s="1" t="s">
        <v>925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924</v>
      </c>
      <c r="BC6" s="1">
        <v>0.43</v>
      </c>
      <c r="BD6" s="1">
        <v>0.48</v>
      </c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9</v>
      </c>
      <c r="BP6" s="1">
        <v>1.9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2638888888888884</v>
      </c>
      <c r="C7" s="1" t="s">
        <v>885</v>
      </c>
      <c r="D7" s="1" t="s">
        <v>27</v>
      </c>
      <c r="E7" s="1" t="s">
        <v>887</v>
      </c>
      <c r="F7" s="1" t="s">
        <v>247</v>
      </c>
      <c r="G7" s="1" t="s">
        <v>135</v>
      </c>
      <c r="H7" s="1" t="s">
        <v>248</v>
      </c>
      <c r="I7" s="1" t="s">
        <v>114</v>
      </c>
      <c r="J7" s="1" t="s">
        <v>254</v>
      </c>
      <c r="K7" s="1" t="s">
        <v>221</v>
      </c>
      <c r="L7" s="1" t="s">
        <v>34</v>
      </c>
      <c r="N7" s="1" t="s">
        <v>35</v>
      </c>
      <c r="O7" s="1" t="s">
        <v>74</v>
      </c>
      <c r="P7" s="1" t="s">
        <v>56</v>
      </c>
      <c r="Q7" s="1" t="s">
        <v>99</v>
      </c>
      <c r="R7" s="1" t="s">
        <v>177</v>
      </c>
      <c r="S7" s="1" t="s">
        <v>58</v>
      </c>
      <c r="T7" s="1" t="s">
        <v>538</v>
      </c>
      <c r="U7" s="1">
        <v>9.3000000000000007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8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7</v>
      </c>
      <c r="B8" s="2">
        <v>0.34375</v>
      </c>
      <c r="C8" s="1" t="s">
        <v>885</v>
      </c>
      <c r="D8" s="1" t="s">
        <v>68</v>
      </c>
      <c r="E8" s="1" t="s">
        <v>28</v>
      </c>
      <c r="F8" s="1" t="s">
        <v>29</v>
      </c>
      <c r="G8" s="1" t="s">
        <v>516</v>
      </c>
      <c r="H8" s="1" t="s">
        <v>269</v>
      </c>
      <c r="I8" s="1" t="s">
        <v>568</v>
      </c>
      <c r="J8" s="1" t="s">
        <v>212</v>
      </c>
      <c r="K8" s="1" t="s">
        <v>32</v>
      </c>
      <c r="L8" s="1" t="s">
        <v>34</v>
      </c>
      <c r="N8" s="1" t="s">
        <v>35</v>
      </c>
      <c r="O8" s="1" t="s">
        <v>74</v>
      </c>
      <c r="P8" s="1" t="s">
        <v>56</v>
      </c>
      <c r="Q8" s="1" t="s">
        <v>99</v>
      </c>
      <c r="R8" s="1" t="s">
        <v>47</v>
      </c>
      <c r="S8" s="1" t="s">
        <v>39</v>
      </c>
      <c r="T8" s="1" t="s">
        <v>538</v>
      </c>
      <c r="U8" s="1">
        <v>9.9</v>
      </c>
      <c r="V8" s="3">
        <v>79</v>
      </c>
      <c r="W8" s="1"/>
      <c r="X8" s="1">
        <v>0.52</v>
      </c>
      <c r="Y8" s="1">
        <v>1.4E-2</v>
      </c>
      <c r="Z8" s="1">
        <v>6.9999999999999999E-4</v>
      </c>
      <c r="AA8" s="1"/>
      <c r="AB8" s="1"/>
      <c r="AC8" s="1" t="s">
        <v>923</v>
      </c>
      <c r="AD8" s="1" t="s">
        <v>924</v>
      </c>
      <c r="AE8" s="1" t="s">
        <v>925</v>
      </c>
      <c r="AF8" s="1" t="s">
        <v>926</v>
      </c>
      <c r="AG8" s="1" t="s">
        <v>927</v>
      </c>
      <c r="AH8" s="1" t="s">
        <v>925</v>
      </c>
      <c r="AI8" s="1"/>
      <c r="AJ8" s="1"/>
      <c r="AK8" s="1"/>
      <c r="AL8" s="1" t="s">
        <v>928</v>
      </c>
      <c r="AM8" s="1"/>
      <c r="AN8" s="1"/>
      <c r="AO8" s="1"/>
      <c r="AP8" t="s">
        <v>928</v>
      </c>
      <c r="AQ8" s="1"/>
      <c r="AR8" s="1" t="s">
        <v>928</v>
      </c>
      <c r="AS8" s="1" t="s">
        <v>928</v>
      </c>
      <c r="AT8" s="1"/>
      <c r="AU8" s="1"/>
      <c r="AV8" s="1"/>
      <c r="AW8" s="1"/>
      <c r="AX8" s="1"/>
      <c r="AY8" s="1"/>
      <c r="AZ8" s="1" t="s">
        <v>936</v>
      </c>
      <c r="BA8" s="1" t="s">
        <v>926</v>
      </c>
      <c r="BB8" s="1">
        <v>0.01</v>
      </c>
      <c r="BC8" s="1">
        <v>0.42</v>
      </c>
      <c r="BD8" s="1">
        <v>0.47</v>
      </c>
      <c r="BE8" s="1"/>
      <c r="BF8" s="1"/>
      <c r="BG8" s="1"/>
      <c r="BH8" s="1"/>
      <c r="BI8" s="1"/>
      <c r="BJ8" s="1"/>
      <c r="BK8" s="1"/>
      <c r="BL8" s="1"/>
      <c r="BM8" s="1" t="s">
        <v>945</v>
      </c>
      <c r="BN8" s="1">
        <v>1.2E-2</v>
      </c>
      <c r="BO8" s="1">
        <v>9</v>
      </c>
      <c r="BP8" s="1">
        <v>1.5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4583333333333333</v>
      </c>
      <c r="C9" s="1" t="s">
        <v>885</v>
      </c>
      <c r="D9" s="1" t="s">
        <v>68</v>
      </c>
      <c r="E9" s="1" t="s">
        <v>28</v>
      </c>
      <c r="F9" s="1" t="s">
        <v>227</v>
      </c>
      <c r="G9" s="1" t="s">
        <v>519</v>
      </c>
      <c r="H9" s="1" t="s">
        <v>269</v>
      </c>
      <c r="I9" s="1" t="s">
        <v>569</v>
      </c>
      <c r="J9" s="1" t="s">
        <v>212</v>
      </c>
      <c r="K9" s="1" t="s">
        <v>520</v>
      </c>
      <c r="L9" s="1" t="s">
        <v>34</v>
      </c>
      <c r="N9" s="1" t="s">
        <v>35</v>
      </c>
      <c r="O9" s="1" t="s">
        <v>74</v>
      </c>
      <c r="P9" s="1" t="s">
        <v>56</v>
      </c>
      <c r="Q9" s="1" t="s">
        <v>57</v>
      </c>
      <c r="R9" s="1" t="s">
        <v>152</v>
      </c>
      <c r="S9" s="1" t="s">
        <v>47</v>
      </c>
      <c r="T9" s="1" t="s">
        <v>538</v>
      </c>
      <c r="U9" s="1">
        <v>9.4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9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4027777777777773</v>
      </c>
      <c r="C10" s="1" t="s">
        <v>885</v>
      </c>
      <c r="D10" s="1" t="s">
        <v>153</v>
      </c>
      <c r="E10" s="1" t="s">
        <v>28</v>
      </c>
      <c r="F10" s="1" t="s">
        <v>433</v>
      </c>
      <c r="G10" s="1" t="s">
        <v>545</v>
      </c>
      <c r="H10" s="1" t="s">
        <v>537</v>
      </c>
      <c r="I10" s="1" t="s">
        <v>570</v>
      </c>
      <c r="J10" s="1" t="s">
        <v>254</v>
      </c>
      <c r="K10" s="1" t="s">
        <v>248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38</v>
      </c>
      <c r="R10" s="1" t="s">
        <v>159</v>
      </c>
      <c r="S10" s="1" t="s">
        <v>416</v>
      </c>
      <c r="T10" s="1" t="s">
        <v>538</v>
      </c>
      <c r="U10" s="1">
        <v>10.3</v>
      </c>
      <c r="V10" s="3">
        <v>330</v>
      </c>
      <c r="W10" s="1"/>
      <c r="X10" s="1">
        <v>0.48</v>
      </c>
      <c r="Y10" s="1">
        <v>1.2999999999999999E-2</v>
      </c>
      <c r="Z10" s="1">
        <v>3.5999999999999999E-3</v>
      </c>
      <c r="AA10" s="1"/>
      <c r="AB10" s="1"/>
      <c r="AC10" s="1"/>
      <c r="AD10" s="1" t="s">
        <v>924</v>
      </c>
      <c r="AE10" s="1" t="s">
        <v>925</v>
      </c>
      <c r="AF10" s="1"/>
      <c r="AG10" s="1" t="s">
        <v>927</v>
      </c>
      <c r="AH10" s="1" t="s">
        <v>925</v>
      </c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925</v>
      </c>
      <c r="AV10" s="1" t="s">
        <v>923</v>
      </c>
      <c r="AW10" s="1" t="s">
        <v>923</v>
      </c>
      <c r="AX10" s="1"/>
      <c r="AY10" s="1"/>
      <c r="AZ10" s="1"/>
      <c r="BA10" s="1"/>
      <c r="BB10" s="1" t="s">
        <v>924</v>
      </c>
      <c r="BC10" s="1">
        <v>0.41</v>
      </c>
      <c r="BD10" s="1">
        <v>0.46</v>
      </c>
      <c r="BE10" s="1"/>
      <c r="BF10" s="1"/>
      <c r="BG10" s="1"/>
      <c r="BH10" s="1"/>
      <c r="BI10" s="1"/>
      <c r="BJ10" s="1"/>
      <c r="BK10" s="1"/>
      <c r="BL10" s="1" t="s">
        <v>931</v>
      </c>
      <c r="BM10" s="1"/>
      <c r="BN10" s="1"/>
      <c r="BO10" s="1">
        <v>10</v>
      </c>
      <c r="BP10" s="1">
        <v>1.7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3888888888888891</v>
      </c>
      <c r="C11" s="1" t="s">
        <v>885</v>
      </c>
      <c r="D11" s="1" t="s">
        <v>153</v>
      </c>
      <c r="E11" s="1" t="s">
        <v>28</v>
      </c>
      <c r="F11" s="1" t="s">
        <v>102</v>
      </c>
      <c r="G11" s="1" t="s">
        <v>60</v>
      </c>
      <c r="H11" s="1" t="s">
        <v>530</v>
      </c>
      <c r="I11" s="1" t="s">
        <v>569</v>
      </c>
      <c r="J11" s="1" t="s">
        <v>212</v>
      </c>
      <c r="K11" s="1" t="s">
        <v>32</v>
      </c>
      <c r="L11" s="1" t="s">
        <v>34</v>
      </c>
      <c r="N11" s="1" t="s">
        <v>35</v>
      </c>
      <c r="O11" s="1" t="s">
        <v>74</v>
      </c>
      <c r="P11" s="1" t="s">
        <v>56</v>
      </c>
      <c r="Q11" s="1" t="s">
        <v>117</v>
      </c>
      <c r="R11" s="1" t="s">
        <v>189</v>
      </c>
      <c r="S11" s="1" t="s">
        <v>40</v>
      </c>
      <c r="T11" s="1" t="s">
        <v>41</v>
      </c>
      <c r="U11" s="1">
        <v>9.6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9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544</v>
      </c>
      <c r="B12" s="2">
        <v>0.375</v>
      </c>
      <c r="C12" s="1" t="s">
        <v>885</v>
      </c>
      <c r="D12" s="1" t="s">
        <v>27</v>
      </c>
      <c r="E12" s="1" t="s">
        <v>28</v>
      </c>
      <c r="F12" s="1" t="s">
        <v>571</v>
      </c>
      <c r="G12" s="1" t="s">
        <v>268</v>
      </c>
      <c r="H12" s="1" t="s">
        <v>572</v>
      </c>
      <c r="I12" s="1" t="s">
        <v>573</v>
      </c>
      <c r="J12" s="1" t="s">
        <v>212</v>
      </c>
      <c r="K12" s="1" t="s">
        <v>164</v>
      </c>
      <c r="L12" s="1" t="s">
        <v>34</v>
      </c>
      <c r="N12" s="1" t="s">
        <v>35</v>
      </c>
      <c r="O12" s="1" t="s">
        <v>74</v>
      </c>
      <c r="P12" s="1" t="s">
        <v>56</v>
      </c>
      <c r="Q12" s="1" t="s">
        <v>99</v>
      </c>
      <c r="R12" s="1" t="s">
        <v>404</v>
      </c>
      <c r="S12" s="1" t="s">
        <v>152</v>
      </c>
      <c r="T12" s="1" t="s">
        <v>41</v>
      </c>
      <c r="U12" s="1">
        <v>9.4</v>
      </c>
      <c r="V12" s="3">
        <v>23000</v>
      </c>
      <c r="W12" s="1" t="s">
        <v>929</v>
      </c>
      <c r="X12" s="1">
        <v>0.46</v>
      </c>
      <c r="Y12" s="1">
        <v>8.9999999999999993E-3</v>
      </c>
      <c r="Z12" s="1">
        <v>2.5000000000000001E-3</v>
      </c>
      <c r="AA12" s="1"/>
      <c r="AB12" s="1"/>
      <c r="AC12" s="1" t="s">
        <v>923</v>
      </c>
      <c r="AD12" s="1" t="s">
        <v>924</v>
      </c>
      <c r="AE12" s="1" t="s">
        <v>925</v>
      </c>
      <c r="AF12" s="1" t="s">
        <v>926</v>
      </c>
      <c r="AG12" s="1" t="s">
        <v>927</v>
      </c>
      <c r="AH12" s="1" t="s">
        <v>925</v>
      </c>
      <c r="AI12" s="1"/>
      <c r="AJ12" s="1"/>
      <c r="AK12" s="1" t="s">
        <v>928</v>
      </c>
      <c r="AL12" s="1" t="s">
        <v>928</v>
      </c>
      <c r="AM12" s="1" t="s">
        <v>928</v>
      </c>
      <c r="AN12" s="1" t="s">
        <v>928</v>
      </c>
      <c r="AO12" s="1" t="s">
        <v>928</v>
      </c>
      <c r="AP12" t="s">
        <v>928</v>
      </c>
      <c r="AQ12" s="1" t="s">
        <v>928</v>
      </c>
      <c r="AR12" s="1" t="s">
        <v>928</v>
      </c>
      <c r="AS12" s="1" t="s">
        <v>928</v>
      </c>
      <c r="AT12" s="1" t="s">
        <v>930</v>
      </c>
      <c r="AU12" s="1"/>
      <c r="AV12" s="1"/>
      <c r="AW12" s="1"/>
      <c r="AX12" s="1" t="s">
        <v>928</v>
      </c>
      <c r="AY12" s="1" t="s">
        <v>937</v>
      </c>
      <c r="AZ12" s="1" t="s">
        <v>936</v>
      </c>
      <c r="BA12" s="1" t="s">
        <v>926</v>
      </c>
      <c r="BB12" s="1" t="s">
        <v>924</v>
      </c>
      <c r="BC12" s="1">
        <v>0.39</v>
      </c>
      <c r="BD12" s="1">
        <v>0.44</v>
      </c>
      <c r="BE12" s="1" t="s">
        <v>927</v>
      </c>
      <c r="BF12" s="1" t="s">
        <v>927</v>
      </c>
      <c r="BG12" s="1">
        <v>1.1000000000000001E-3</v>
      </c>
      <c r="BH12" s="1" t="s">
        <v>926</v>
      </c>
      <c r="BI12" s="1" t="s">
        <v>924</v>
      </c>
      <c r="BJ12" s="1"/>
      <c r="BK12" s="1"/>
      <c r="BL12" s="1"/>
      <c r="BM12" s="1">
        <v>0.05</v>
      </c>
      <c r="BN12" s="1">
        <v>5.0000000000000001E-3</v>
      </c>
      <c r="BO12" s="1">
        <v>9</v>
      </c>
      <c r="BP12" s="1">
        <v>1.3</v>
      </c>
      <c r="BQ12" s="1"/>
      <c r="BR12" s="1" t="s">
        <v>946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75</v>
      </c>
      <c r="C13" s="1" t="s">
        <v>885</v>
      </c>
      <c r="D13" s="1" t="s">
        <v>27</v>
      </c>
      <c r="E13" s="1" t="s">
        <v>28</v>
      </c>
      <c r="F13" s="1" t="s">
        <v>545</v>
      </c>
      <c r="G13" s="1" t="s">
        <v>291</v>
      </c>
      <c r="H13" s="1" t="s">
        <v>287</v>
      </c>
      <c r="I13" s="1" t="s">
        <v>574</v>
      </c>
      <c r="J13" s="1" t="s">
        <v>223</v>
      </c>
      <c r="K13" s="1" t="s">
        <v>575</v>
      </c>
      <c r="L13" s="1" t="s">
        <v>176</v>
      </c>
      <c r="N13" s="1" t="s">
        <v>35</v>
      </c>
      <c r="O13" s="1" t="s">
        <v>576</v>
      </c>
      <c r="P13" s="1" t="s">
        <v>56</v>
      </c>
      <c r="Q13" s="1" t="s">
        <v>57</v>
      </c>
      <c r="R13" s="1" t="s">
        <v>404</v>
      </c>
      <c r="S13" s="1" t="s">
        <v>196</v>
      </c>
      <c r="T13" s="1" t="s">
        <v>145</v>
      </c>
      <c r="U13" s="1">
        <v>9.1999999999999993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8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9</v>
      </c>
      <c r="B14" s="2">
        <v>0.35972222222222222</v>
      </c>
      <c r="C14" s="1" t="s">
        <v>885</v>
      </c>
      <c r="D14" s="1" t="s">
        <v>27</v>
      </c>
      <c r="E14" s="1" t="s">
        <v>887</v>
      </c>
      <c r="F14" s="1" t="s">
        <v>127</v>
      </c>
      <c r="G14" s="1" t="s">
        <v>240</v>
      </c>
      <c r="H14" s="1" t="s">
        <v>269</v>
      </c>
      <c r="I14" s="1" t="s">
        <v>577</v>
      </c>
      <c r="J14" s="1" t="s">
        <v>312</v>
      </c>
      <c r="K14" s="1" t="s">
        <v>113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144</v>
      </c>
      <c r="R14" s="1" t="s">
        <v>547</v>
      </c>
      <c r="S14" s="1" t="s">
        <v>58</v>
      </c>
      <c r="T14" s="1" t="s">
        <v>538</v>
      </c>
      <c r="U14" s="1">
        <v>8.1</v>
      </c>
      <c r="V14" s="3">
        <v>230</v>
      </c>
      <c r="W14" s="1"/>
      <c r="X14" s="1">
        <v>0.39</v>
      </c>
      <c r="Y14" s="1">
        <v>8.0000000000000002E-3</v>
      </c>
      <c r="Z14" s="1">
        <v>1.2999999999999999E-3</v>
      </c>
      <c r="AA14" s="1"/>
      <c r="AB14" s="1"/>
      <c r="AC14" s="1"/>
      <c r="AD14" s="1" t="s">
        <v>924</v>
      </c>
      <c r="AE14" s="1" t="s">
        <v>925</v>
      </c>
      <c r="AF14" s="1"/>
      <c r="AG14" s="1" t="s">
        <v>927</v>
      </c>
      <c r="AH14" s="1" t="s">
        <v>925</v>
      </c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924</v>
      </c>
      <c r="BC14" s="1">
        <v>0.38</v>
      </c>
      <c r="BD14" s="1">
        <v>0.43</v>
      </c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9</v>
      </c>
      <c r="BP14" s="1">
        <v>1.5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3611111111111114</v>
      </c>
      <c r="C15" s="1" t="s">
        <v>885</v>
      </c>
      <c r="D15" s="1" t="s">
        <v>27</v>
      </c>
      <c r="E15" s="1" t="s">
        <v>887</v>
      </c>
      <c r="F15" s="1" t="s">
        <v>297</v>
      </c>
      <c r="G15" s="1" t="s">
        <v>578</v>
      </c>
      <c r="H15" s="1" t="s">
        <v>221</v>
      </c>
      <c r="I15" s="1" t="s">
        <v>579</v>
      </c>
      <c r="J15" s="1" t="s">
        <v>312</v>
      </c>
      <c r="K15" s="1" t="s">
        <v>287</v>
      </c>
      <c r="L15" s="1" t="s">
        <v>34</v>
      </c>
      <c r="N15" s="1" t="s">
        <v>35</v>
      </c>
      <c r="O15" s="1" t="s">
        <v>74</v>
      </c>
      <c r="P15" s="1" t="s">
        <v>56</v>
      </c>
      <c r="Q15" s="1" t="s">
        <v>117</v>
      </c>
      <c r="R15" s="1" t="s">
        <v>404</v>
      </c>
      <c r="S15" s="1" t="s">
        <v>58</v>
      </c>
      <c r="T15" s="1" t="s">
        <v>538</v>
      </c>
      <c r="U15" s="1">
        <v>8.3000000000000007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9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3</v>
      </c>
      <c r="B16" s="2">
        <v>0.45694444444444443</v>
      </c>
      <c r="C16" s="1" t="s">
        <v>885</v>
      </c>
      <c r="D16" s="1" t="s">
        <v>27</v>
      </c>
      <c r="E16" s="1" t="s">
        <v>28</v>
      </c>
      <c r="F16" s="1" t="s">
        <v>77</v>
      </c>
      <c r="G16" s="1" t="s">
        <v>477</v>
      </c>
      <c r="H16" s="1" t="s">
        <v>142</v>
      </c>
      <c r="I16" s="1" t="s">
        <v>580</v>
      </c>
      <c r="J16" s="1" t="s">
        <v>242</v>
      </c>
      <c r="K16" s="1" t="s">
        <v>581</v>
      </c>
      <c r="L16" s="1" t="s">
        <v>34</v>
      </c>
      <c r="N16" s="1" t="s">
        <v>35</v>
      </c>
      <c r="O16" s="1" t="s">
        <v>74</v>
      </c>
      <c r="P16" s="1" t="s">
        <v>56</v>
      </c>
      <c r="Q16" s="1" t="s">
        <v>38</v>
      </c>
      <c r="R16" s="1" t="s">
        <v>118</v>
      </c>
      <c r="S16" s="1" t="s">
        <v>159</v>
      </c>
      <c r="T16" s="1" t="s">
        <v>538</v>
      </c>
      <c r="U16" s="1">
        <v>10.9</v>
      </c>
      <c r="V16" s="3">
        <v>49</v>
      </c>
      <c r="W16" s="1"/>
      <c r="X16" s="1">
        <v>0.46</v>
      </c>
      <c r="Y16" s="1">
        <v>0.01</v>
      </c>
      <c r="Z16" s="1">
        <v>2.5999999999999999E-3</v>
      </c>
      <c r="AA16" s="1"/>
      <c r="AB16" s="1"/>
      <c r="AC16" s="1" t="s">
        <v>923</v>
      </c>
      <c r="AD16" s="1" t="s">
        <v>924</v>
      </c>
      <c r="AE16" s="1" t="s">
        <v>925</v>
      </c>
      <c r="AF16" s="1" t="s">
        <v>926</v>
      </c>
      <c r="AG16" s="1" t="s">
        <v>927</v>
      </c>
      <c r="AH16" s="1" t="s">
        <v>925</v>
      </c>
      <c r="AI16" s="1"/>
      <c r="AJ16" s="1"/>
      <c r="AK16" s="1"/>
      <c r="AL16" s="1" t="s">
        <v>928</v>
      </c>
      <c r="AM16" s="1"/>
      <c r="AN16" s="1"/>
      <c r="AO16" s="1"/>
      <c r="AP16" t="s">
        <v>928</v>
      </c>
      <c r="AQ16" s="1"/>
      <c r="AR16" s="1" t="s">
        <v>928</v>
      </c>
      <c r="AS16" s="1" t="s">
        <v>928</v>
      </c>
      <c r="AT16" s="1"/>
      <c r="AU16" s="1"/>
      <c r="AV16" s="1"/>
      <c r="AW16" s="1"/>
      <c r="AX16" s="1"/>
      <c r="AY16" s="1"/>
      <c r="AZ16" s="1" t="s">
        <v>936</v>
      </c>
      <c r="BA16" s="1" t="s">
        <v>926</v>
      </c>
      <c r="BB16" s="1" t="s">
        <v>924</v>
      </c>
      <c r="BC16" s="1">
        <v>0.34</v>
      </c>
      <c r="BD16" s="1">
        <v>0.39</v>
      </c>
      <c r="BE16" s="1"/>
      <c r="BF16" s="1"/>
      <c r="BG16" s="1"/>
      <c r="BH16" s="1"/>
      <c r="BI16" s="1"/>
      <c r="BJ16" s="1"/>
      <c r="BK16" s="1"/>
      <c r="BL16" s="1"/>
      <c r="BM16" s="1" t="s">
        <v>945</v>
      </c>
      <c r="BN16" s="1">
        <v>8.9999999999999993E-3</v>
      </c>
      <c r="BO16" s="1">
        <v>9</v>
      </c>
      <c r="BP16" s="1">
        <v>1.6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2638888888888884</v>
      </c>
      <c r="C17" s="1" t="s">
        <v>885</v>
      </c>
      <c r="D17" s="1" t="s">
        <v>27</v>
      </c>
      <c r="E17" s="1" t="s">
        <v>28</v>
      </c>
      <c r="F17" s="1" t="s">
        <v>582</v>
      </c>
      <c r="G17" s="1" t="s">
        <v>582</v>
      </c>
      <c r="H17" s="1" t="s">
        <v>269</v>
      </c>
      <c r="I17" s="1" t="s">
        <v>583</v>
      </c>
      <c r="J17" s="1" t="s">
        <v>300</v>
      </c>
      <c r="K17" s="1" t="s">
        <v>282</v>
      </c>
      <c r="L17" s="1" t="s">
        <v>34</v>
      </c>
      <c r="N17" s="1" t="s">
        <v>35</v>
      </c>
      <c r="O17" s="1" t="s">
        <v>74</v>
      </c>
      <c r="P17" s="1" t="s">
        <v>56</v>
      </c>
      <c r="Q17" s="1" t="s">
        <v>57</v>
      </c>
      <c r="R17" s="1" t="s">
        <v>404</v>
      </c>
      <c r="S17" s="1" t="s">
        <v>159</v>
      </c>
      <c r="T17" s="1" t="s">
        <v>538</v>
      </c>
      <c r="U17" s="1">
        <v>10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9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6</v>
      </c>
      <c r="B18" s="2">
        <v>0.36805555555555558</v>
      </c>
      <c r="C18" s="1" t="s">
        <v>885</v>
      </c>
      <c r="D18" s="1" t="s">
        <v>68</v>
      </c>
      <c r="E18" s="1" t="s">
        <v>28</v>
      </c>
      <c r="F18" s="1" t="s">
        <v>584</v>
      </c>
      <c r="G18" s="1" t="s">
        <v>563</v>
      </c>
      <c r="H18" s="1" t="s">
        <v>390</v>
      </c>
      <c r="I18" s="1" t="s">
        <v>585</v>
      </c>
      <c r="J18" s="1" t="s">
        <v>223</v>
      </c>
      <c r="K18" s="1" t="s">
        <v>575</v>
      </c>
      <c r="L18" s="1" t="s">
        <v>34</v>
      </c>
      <c r="N18" s="1" t="s">
        <v>35</v>
      </c>
      <c r="O18" s="1" t="s">
        <v>74</v>
      </c>
      <c r="P18" s="1" t="s">
        <v>56</v>
      </c>
      <c r="Q18" s="1" t="s">
        <v>57</v>
      </c>
      <c r="R18" s="1" t="s">
        <v>118</v>
      </c>
      <c r="S18" s="1" t="s">
        <v>152</v>
      </c>
      <c r="T18" s="1" t="s">
        <v>538</v>
      </c>
      <c r="U18" s="1">
        <v>11.5</v>
      </c>
      <c r="V18" s="3">
        <v>230</v>
      </c>
      <c r="W18" s="1"/>
      <c r="X18" s="1">
        <v>0.36</v>
      </c>
      <c r="Y18" s="1">
        <v>7.0000000000000001E-3</v>
      </c>
      <c r="Z18" s="1">
        <v>2.2000000000000001E-3</v>
      </c>
      <c r="AA18" s="1"/>
      <c r="AB18" s="1"/>
      <c r="AC18" s="1"/>
      <c r="AD18" s="1" t="s">
        <v>924</v>
      </c>
      <c r="AE18" s="1" t="s">
        <v>925</v>
      </c>
      <c r="AF18" s="1"/>
      <c r="AG18" s="1" t="s">
        <v>927</v>
      </c>
      <c r="AH18" s="1" t="s">
        <v>925</v>
      </c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924</v>
      </c>
      <c r="BC18" s="1">
        <v>0.31</v>
      </c>
      <c r="BD18" s="1">
        <v>0.36</v>
      </c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1</v>
      </c>
      <c r="BP18" s="1">
        <v>1.5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4027777777777779</v>
      </c>
      <c r="C19" s="1" t="s">
        <v>885</v>
      </c>
      <c r="D19" s="1" t="s">
        <v>153</v>
      </c>
      <c r="E19" s="1" t="s">
        <v>28</v>
      </c>
      <c r="F19" s="1" t="s">
        <v>183</v>
      </c>
      <c r="G19" s="1" t="s">
        <v>369</v>
      </c>
      <c r="H19" s="1" t="s">
        <v>539</v>
      </c>
      <c r="I19" s="1" t="s">
        <v>170</v>
      </c>
      <c r="J19" s="1" t="s">
        <v>254</v>
      </c>
      <c r="K19" s="1" t="s">
        <v>174</v>
      </c>
      <c r="L19" s="1" t="s">
        <v>34</v>
      </c>
      <c r="N19" s="1" t="s">
        <v>35</v>
      </c>
      <c r="O19" s="1" t="s">
        <v>74</v>
      </c>
      <c r="P19" s="1" t="s">
        <v>56</v>
      </c>
      <c r="Q19" s="1" t="s">
        <v>117</v>
      </c>
      <c r="R19" s="1" t="s">
        <v>47</v>
      </c>
      <c r="S19" s="1" t="s">
        <v>39</v>
      </c>
      <c r="T19" s="1" t="s">
        <v>538</v>
      </c>
      <c r="U19" s="1">
        <v>10.5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1</v>
      </c>
      <c r="B20" s="2">
        <v>0.35416666666666669</v>
      </c>
      <c r="C20" s="1" t="s">
        <v>885</v>
      </c>
      <c r="D20" s="1" t="s">
        <v>68</v>
      </c>
      <c r="E20" s="1" t="s">
        <v>887</v>
      </c>
      <c r="F20" s="1" t="s">
        <v>210</v>
      </c>
      <c r="G20" s="1" t="s">
        <v>210</v>
      </c>
      <c r="H20" s="1" t="s">
        <v>314</v>
      </c>
      <c r="I20" s="1" t="s">
        <v>586</v>
      </c>
      <c r="J20" s="1" t="s">
        <v>418</v>
      </c>
      <c r="K20" s="1" t="s">
        <v>269</v>
      </c>
      <c r="L20" s="1" t="s">
        <v>34</v>
      </c>
      <c r="N20" s="1" t="s">
        <v>35</v>
      </c>
      <c r="O20" s="1" t="s">
        <v>233</v>
      </c>
      <c r="P20" s="1" t="s">
        <v>56</v>
      </c>
      <c r="Q20" s="1" t="s">
        <v>144</v>
      </c>
      <c r="R20" s="1" t="s">
        <v>159</v>
      </c>
      <c r="S20" s="1" t="s">
        <v>416</v>
      </c>
      <c r="T20" s="1" t="s">
        <v>538</v>
      </c>
      <c r="U20" s="1">
        <v>10.8</v>
      </c>
      <c r="V20" s="3">
        <v>1300</v>
      </c>
      <c r="W20" s="1"/>
      <c r="X20" s="1">
        <v>0.43</v>
      </c>
      <c r="Y20" s="1">
        <v>1.2E-2</v>
      </c>
      <c r="Z20" s="1">
        <v>1.6000000000000001E-3</v>
      </c>
      <c r="AA20" s="1"/>
      <c r="AB20" s="1"/>
      <c r="AC20" s="1" t="s">
        <v>923</v>
      </c>
      <c r="AD20" s="1" t="s">
        <v>924</v>
      </c>
      <c r="AE20" s="1" t="s">
        <v>925</v>
      </c>
      <c r="AF20" s="1" t="s">
        <v>926</v>
      </c>
      <c r="AG20" s="1" t="s">
        <v>927</v>
      </c>
      <c r="AH20" s="1" t="s">
        <v>925</v>
      </c>
      <c r="AI20" s="1"/>
      <c r="AJ20" s="1"/>
      <c r="AK20" s="1"/>
      <c r="AL20" s="1" t="s">
        <v>928</v>
      </c>
      <c r="AM20" s="1"/>
      <c r="AN20" s="1"/>
      <c r="AO20" s="1"/>
      <c r="AP20" t="s">
        <v>928</v>
      </c>
      <c r="AQ20" s="1"/>
      <c r="AR20" s="1" t="s">
        <v>928</v>
      </c>
      <c r="AS20" s="1" t="s">
        <v>928</v>
      </c>
      <c r="AT20" s="1"/>
      <c r="AU20" s="1"/>
      <c r="AV20" s="1"/>
      <c r="AW20" s="1"/>
      <c r="AX20" s="1"/>
      <c r="AY20" s="1"/>
      <c r="AZ20" s="1" t="s">
        <v>936</v>
      </c>
      <c r="BA20" s="1" t="s">
        <v>926</v>
      </c>
      <c r="BB20" s="1" t="s">
        <v>924</v>
      </c>
      <c r="BC20" s="1">
        <v>0.41</v>
      </c>
      <c r="BD20" s="1">
        <v>0.46</v>
      </c>
      <c r="BE20" s="1"/>
      <c r="BF20" s="1"/>
      <c r="BG20" s="1"/>
      <c r="BH20" s="1"/>
      <c r="BI20" s="1"/>
      <c r="BJ20" s="1"/>
      <c r="BK20" s="1"/>
      <c r="BL20" s="1"/>
      <c r="BM20" s="1" t="s">
        <v>945</v>
      </c>
      <c r="BN20" s="1">
        <v>1.0999999999999999E-2</v>
      </c>
      <c r="BO20" s="1">
        <v>10</v>
      </c>
      <c r="BP20" s="1">
        <v>1.4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3124999999999993</v>
      </c>
      <c r="C21" s="1" t="s">
        <v>885</v>
      </c>
      <c r="D21" s="1" t="s">
        <v>68</v>
      </c>
      <c r="E21" s="1" t="s">
        <v>887</v>
      </c>
      <c r="F21" s="1" t="s">
        <v>563</v>
      </c>
      <c r="G21" s="1" t="s">
        <v>555</v>
      </c>
      <c r="H21" s="1" t="s">
        <v>314</v>
      </c>
      <c r="I21" s="1" t="s">
        <v>586</v>
      </c>
      <c r="J21" s="1" t="s">
        <v>418</v>
      </c>
      <c r="K21" s="1" t="s">
        <v>258</v>
      </c>
      <c r="L21" s="1" t="s">
        <v>34</v>
      </c>
      <c r="N21" s="1" t="s">
        <v>35</v>
      </c>
      <c r="O21" s="1" t="s">
        <v>74</v>
      </c>
      <c r="P21" s="1" t="s">
        <v>56</v>
      </c>
      <c r="Q21" s="1" t="s">
        <v>117</v>
      </c>
      <c r="R21" s="1" t="s">
        <v>58</v>
      </c>
      <c r="S21" s="1" t="s">
        <v>58</v>
      </c>
      <c r="T21" s="1" t="s">
        <v>538</v>
      </c>
      <c r="U21" s="1">
        <v>10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2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1</v>
      </c>
      <c r="B22" s="2">
        <v>0.35069444444444442</v>
      </c>
      <c r="C22" s="1" t="s">
        <v>885</v>
      </c>
      <c r="D22" s="1" t="s">
        <v>27</v>
      </c>
      <c r="E22" s="1" t="s">
        <v>28</v>
      </c>
      <c r="F22" s="1" t="s">
        <v>39</v>
      </c>
      <c r="G22" s="1" t="s">
        <v>587</v>
      </c>
      <c r="H22" s="1" t="s">
        <v>385</v>
      </c>
      <c r="I22" s="1" t="s">
        <v>588</v>
      </c>
      <c r="J22" s="1" t="s">
        <v>254</v>
      </c>
      <c r="K22" s="1" t="s">
        <v>221</v>
      </c>
      <c r="L22" s="1" t="s">
        <v>34</v>
      </c>
      <c r="N22" s="1" t="s">
        <v>35</v>
      </c>
      <c r="O22" s="1" t="s">
        <v>74</v>
      </c>
      <c r="P22" s="1" t="s">
        <v>56</v>
      </c>
      <c r="Q22" s="1" t="s">
        <v>57</v>
      </c>
      <c r="R22" s="1" t="s">
        <v>177</v>
      </c>
      <c r="S22" s="1" t="s">
        <v>48</v>
      </c>
      <c r="T22" s="1" t="s">
        <v>538</v>
      </c>
      <c r="U22" s="1">
        <v>12.7</v>
      </c>
      <c r="V22" s="3">
        <v>130</v>
      </c>
      <c r="W22" s="1"/>
      <c r="X22" s="1">
        <v>0.43</v>
      </c>
      <c r="Y22" s="1">
        <v>0.01</v>
      </c>
      <c r="Z22" s="1">
        <v>1.6999999999999999E-3</v>
      </c>
      <c r="AA22" s="1"/>
      <c r="AB22" s="1"/>
      <c r="AC22" s="1"/>
      <c r="AD22" s="1" t="s">
        <v>924</v>
      </c>
      <c r="AE22" s="1" t="s">
        <v>925</v>
      </c>
      <c r="AF22" s="1"/>
      <c r="AG22" s="1" t="s">
        <v>927</v>
      </c>
      <c r="AH22" s="1" t="s">
        <v>925</v>
      </c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924</v>
      </c>
      <c r="BC22" s="1">
        <v>0.39</v>
      </c>
      <c r="BD22" s="1">
        <v>0.44</v>
      </c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1</v>
      </c>
      <c r="BP22" s="1">
        <v>2.1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3680555555555547</v>
      </c>
      <c r="C23" s="1" t="s">
        <v>885</v>
      </c>
      <c r="D23" s="1" t="s">
        <v>27</v>
      </c>
      <c r="E23" s="1" t="s">
        <v>28</v>
      </c>
      <c r="F23" s="1" t="s">
        <v>589</v>
      </c>
      <c r="G23" s="1" t="s">
        <v>590</v>
      </c>
      <c r="H23" s="1" t="s">
        <v>591</v>
      </c>
      <c r="I23" s="1" t="s">
        <v>592</v>
      </c>
      <c r="J23" s="1" t="s">
        <v>418</v>
      </c>
      <c r="K23" s="1" t="s">
        <v>269</v>
      </c>
      <c r="L23" s="1" t="s">
        <v>34</v>
      </c>
      <c r="N23" s="1" t="s">
        <v>35</v>
      </c>
      <c r="O23" s="1" t="s">
        <v>74</v>
      </c>
      <c r="P23" s="1" t="s">
        <v>56</v>
      </c>
      <c r="Q23" s="1" t="s">
        <v>57</v>
      </c>
      <c r="R23" s="1" t="s">
        <v>404</v>
      </c>
      <c r="S23" s="1" t="s">
        <v>159</v>
      </c>
      <c r="T23" s="1" t="s">
        <v>538</v>
      </c>
      <c r="U23" s="1">
        <v>12.5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0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2</v>
      </c>
      <c r="B24" s="2">
        <v>0.36805555555555558</v>
      </c>
      <c r="C24" s="1" t="s">
        <v>885</v>
      </c>
      <c r="D24" s="1" t="s">
        <v>27</v>
      </c>
      <c r="E24" s="1" t="s">
        <v>887</v>
      </c>
      <c r="F24" s="1" t="s">
        <v>593</v>
      </c>
      <c r="G24" s="1" t="s">
        <v>198</v>
      </c>
      <c r="H24" s="1" t="s">
        <v>403</v>
      </c>
      <c r="I24" s="1" t="s">
        <v>594</v>
      </c>
      <c r="J24" s="1" t="s">
        <v>271</v>
      </c>
      <c r="K24" s="1" t="s">
        <v>354</v>
      </c>
      <c r="L24" s="1" t="s">
        <v>34</v>
      </c>
      <c r="N24" s="1" t="s">
        <v>35</v>
      </c>
      <c r="O24" s="1" t="s">
        <v>74</v>
      </c>
      <c r="P24" s="1" t="s">
        <v>56</v>
      </c>
      <c r="Q24" s="1" t="s">
        <v>99</v>
      </c>
      <c r="R24" s="1" t="s">
        <v>109</v>
      </c>
      <c r="S24" s="1" t="s">
        <v>132</v>
      </c>
      <c r="T24" s="1" t="s">
        <v>538</v>
      </c>
      <c r="U24" s="1">
        <v>11.7</v>
      </c>
      <c r="V24" s="3">
        <v>79</v>
      </c>
      <c r="W24" s="1" t="s">
        <v>929</v>
      </c>
      <c r="X24" s="1">
        <v>0.4</v>
      </c>
      <c r="Y24" s="1">
        <v>0.01</v>
      </c>
      <c r="Z24" s="1">
        <v>5.0000000000000001E-4</v>
      </c>
      <c r="AA24" s="1"/>
      <c r="AB24" s="1"/>
      <c r="AC24" s="1" t="s">
        <v>923</v>
      </c>
      <c r="AD24" s="1" t="s">
        <v>924</v>
      </c>
      <c r="AE24" s="1" t="s">
        <v>925</v>
      </c>
      <c r="AF24" s="1" t="s">
        <v>926</v>
      </c>
      <c r="AG24" s="1" t="s">
        <v>927</v>
      </c>
      <c r="AH24" s="1" t="s">
        <v>925</v>
      </c>
      <c r="AI24" s="1"/>
      <c r="AJ24" s="1"/>
      <c r="AK24" s="1" t="s">
        <v>928</v>
      </c>
      <c r="AL24" s="1" t="s">
        <v>928</v>
      </c>
      <c r="AM24" s="1" t="s">
        <v>928</v>
      </c>
      <c r="AN24" s="1" t="s">
        <v>928</v>
      </c>
      <c r="AO24" s="1" t="s">
        <v>928</v>
      </c>
      <c r="AP24" t="s">
        <v>928</v>
      </c>
      <c r="AQ24" s="1" t="s">
        <v>928</v>
      </c>
      <c r="AR24" s="1" t="s">
        <v>928</v>
      </c>
      <c r="AS24" s="1" t="s">
        <v>928</v>
      </c>
      <c r="AT24" s="1" t="s">
        <v>930</v>
      </c>
      <c r="AU24" s="1"/>
      <c r="AV24" s="1"/>
      <c r="AW24" s="1"/>
      <c r="AX24" s="1" t="s">
        <v>928</v>
      </c>
      <c r="AY24" s="1" t="s">
        <v>937</v>
      </c>
      <c r="AZ24" s="1" t="s">
        <v>936</v>
      </c>
      <c r="BA24" s="1" t="s">
        <v>926</v>
      </c>
      <c r="BB24" s="1" t="s">
        <v>924</v>
      </c>
      <c r="BC24" s="1">
        <v>0.36</v>
      </c>
      <c r="BD24" s="1">
        <v>0.41</v>
      </c>
      <c r="BE24" s="1" t="s">
        <v>927</v>
      </c>
      <c r="BF24" s="1" t="s">
        <v>927</v>
      </c>
      <c r="BG24" s="1">
        <v>6.9999999999999999E-4</v>
      </c>
      <c r="BH24" s="1" t="s">
        <v>926</v>
      </c>
      <c r="BI24" s="1" t="s">
        <v>924</v>
      </c>
      <c r="BJ24" s="1"/>
      <c r="BK24" s="1"/>
      <c r="BL24" s="1"/>
      <c r="BM24" s="1" t="s">
        <v>945</v>
      </c>
      <c r="BN24" s="1">
        <v>7.0000000000000001E-3</v>
      </c>
      <c r="BO24" s="1">
        <v>11</v>
      </c>
      <c r="BP24" s="1">
        <v>2.1</v>
      </c>
      <c r="BQ24" s="1"/>
      <c r="BR24" s="1" t="s">
        <v>946</v>
      </c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340277777777777</v>
      </c>
      <c r="C25" s="1" t="s">
        <v>885</v>
      </c>
      <c r="D25" s="1" t="s">
        <v>68</v>
      </c>
      <c r="E25" s="1" t="s">
        <v>887</v>
      </c>
      <c r="F25" s="1" t="s">
        <v>558</v>
      </c>
      <c r="G25" s="1" t="s">
        <v>595</v>
      </c>
      <c r="H25" s="1" t="s">
        <v>548</v>
      </c>
      <c r="I25" s="1" t="s">
        <v>596</v>
      </c>
      <c r="J25" s="1" t="s">
        <v>271</v>
      </c>
      <c r="K25" s="1" t="s">
        <v>348</v>
      </c>
      <c r="L25" s="1" t="s">
        <v>34</v>
      </c>
      <c r="N25" s="1" t="s">
        <v>35</v>
      </c>
      <c r="O25" s="1" t="s">
        <v>74</v>
      </c>
      <c r="P25" s="1" t="s">
        <v>56</v>
      </c>
      <c r="Q25" s="1" t="s">
        <v>57</v>
      </c>
      <c r="R25" s="1" t="s">
        <v>404</v>
      </c>
      <c r="S25" s="1" t="s">
        <v>132</v>
      </c>
      <c r="T25" s="1" t="s">
        <v>538</v>
      </c>
      <c r="U25" s="1">
        <v>11.2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1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7</v>
      </c>
      <c r="B26" s="2">
        <v>0.36458333333333331</v>
      </c>
      <c r="C26" s="1" t="s">
        <v>885</v>
      </c>
      <c r="D26" s="1" t="s">
        <v>68</v>
      </c>
      <c r="E26" s="1" t="s">
        <v>887</v>
      </c>
      <c r="F26" s="1" t="s">
        <v>366</v>
      </c>
      <c r="G26" s="1" t="s">
        <v>117</v>
      </c>
      <c r="H26" s="1" t="s">
        <v>562</v>
      </c>
      <c r="I26" s="1" t="s">
        <v>597</v>
      </c>
      <c r="J26" s="1" t="s">
        <v>254</v>
      </c>
      <c r="K26" s="1" t="s">
        <v>248</v>
      </c>
      <c r="L26" s="1" t="s">
        <v>34</v>
      </c>
      <c r="N26" s="1" t="s">
        <v>35</v>
      </c>
      <c r="O26" s="1" t="s">
        <v>74</v>
      </c>
      <c r="P26" s="1" t="s">
        <v>56</v>
      </c>
      <c r="Q26" s="1" t="s">
        <v>57</v>
      </c>
      <c r="R26" s="1" t="s">
        <v>109</v>
      </c>
      <c r="S26" s="1" t="s">
        <v>58</v>
      </c>
      <c r="T26" s="1" t="s">
        <v>538</v>
      </c>
      <c r="U26" s="1">
        <v>11.7</v>
      </c>
      <c r="V26" s="3">
        <v>79</v>
      </c>
      <c r="W26" s="1"/>
      <c r="X26" s="1">
        <v>0.54</v>
      </c>
      <c r="Y26" s="1">
        <v>0.01</v>
      </c>
      <c r="Z26" s="1">
        <v>1E-3</v>
      </c>
      <c r="AA26" s="1"/>
      <c r="AB26" s="1"/>
      <c r="AC26" s="1"/>
      <c r="AD26" s="1" t="s">
        <v>924</v>
      </c>
      <c r="AE26" s="1" t="s">
        <v>925</v>
      </c>
      <c r="AF26" s="1"/>
      <c r="AG26" s="1" t="s">
        <v>927</v>
      </c>
      <c r="AH26" s="1" t="s">
        <v>925</v>
      </c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925</v>
      </c>
      <c r="AV26" s="1" t="s">
        <v>923</v>
      </c>
      <c r="AW26" s="1" t="s">
        <v>923</v>
      </c>
      <c r="AX26" s="1"/>
      <c r="AY26" s="1"/>
      <c r="AZ26" s="1"/>
      <c r="BA26" s="1"/>
      <c r="BB26" s="1" t="s">
        <v>924</v>
      </c>
      <c r="BC26" s="1">
        <v>0.48</v>
      </c>
      <c r="BD26" s="1">
        <v>0.53</v>
      </c>
      <c r="BE26" s="1"/>
      <c r="BF26" s="1"/>
      <c r="BG26" s="1"/>
      <c r="BH26" s="1"/>
      <c r="BI26" s="1"/>
      <c r="BJ26" s="1"/>
      <c r="BK26" s="1"/>
      <c r="BL26" s="1" t="s">
        <v>931</v>
      </c>
      <c r="BM26" s="1"/>
      <c r="BN26" s="1"/>
      <c r="BO26" s="1">
        <v>10</v>
      </c>
      <c r="BP26" s="1">
        <v>2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3680555555555547</v>
      </c>
      <c r="C27" s="1" t="s">
        <v>885</v>
      </c>
      <c r="D27" s="1" t="s">
        <v>68</v>
      </c>
      <c r="E27" s="1" t="s">
        <v>887</v>
      </c>
      <c r="F27" s="1" t="s">
        <v>469</v>
      </c>
      <c r="G27" s="1" t="s">
        <v>198</v>
      </c>
      <c r="H27" s="1" t="s">
        <v>408</v>
      </c>
      <c r="I27" s="1" t="s">
        <v>598</v>
      </c>
      <c r="J27" s="1" t="s">
        <v>418</v>
      </c>
      <c r="K27" s="1" t="s">
        <v>261</v>
      </c>
      <c r="L27" s="1" t="s">
        <v>34</v>
      </c>
      <c r="N27" s="1" t="s">
        <v>35</v>
      </c>
      <c r="O27" s="1" t="s">
        <v>74</v>
      </c>
      <c r="P27" s="1" t="s">
        <v>56</v>
      </c>
      <c r="Q27" s="1" t="s">
        <v>57</v>
      </c>
      <c r="R27" s="1" t="s">
        <v>416</v>
      </c>
      <c r="S27" s="1" t="s">
        <v>159</v>
      </c>
      <c r="T27" s="1" t="s">
        <v>538</v>
      </c>
      <c r="U27" s="1">
        <v>11.3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70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00</v>
      </c>
      <c r="C1" s="1" t="s">
        <v>1</v>
      </c>
      <c r="D1" s="1" t="s">
        <v>902</v>
      </c>
      <c r="E1" s="1" t="s">
        <v>2</v>
      </c>
      <c r="F1" s="1" t="s">
        <v>876</v>
      </c>
      <c r="G1" s="1" t="s">
        <v>3</v>
      </c>
      <c r="H1" s="1" t="s">
        <v>87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4</v>
      </c>
      <c r="AB2" s="1" t="s">
        <v>968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9305555555555558</v>
      </c>
      <c r="C4" s="1" t="s">
        <v>885</v>
      </c>
      <c r="D4" s="1" t="s">
        <v>27</v>
      </c>
      <c r="E4" s="1" t="s">
        <v>28</v>
      </c>
      <c r="F4" s="1" t="s">
        <v>599</v>
      </c>
      <c r="G4" s="1" t="s">
        <v>555</v>
      </c>
      <c r="H4" s="1" t="s">
        <v>556</v>
      </c>
      <c r="I4" s="1" t="s">
        <v>600</v>
      </c>
      <c r="J4" s="1" t="s">
        <v>552</v>
      </c>
      <c r="K4" s="1" t="s">
        <v>314</v>
      </c>
      <c r="L4" s="1" t="s">
        <v>34</v>
      </c>
      <c r="N4" s="1" t="s">
        <v>35</v>
      </c>
      <c r="O4" s="1" t="s">
        <v>74</v>
      </c>
      <c r="P4" s="1" t="s">
        <v>56</v>
      </c>
      <c r="Q4" s="1" t="s">
        <v>99</v>
      </c>
      <c r="R4" s="1" t="s">
        <v>132</v>
      </c>
      <c r="S4" s="1" t="s">
        <v>416</v>
      </c>
      <c r="T4" s="1" t="s">
        <v>538</v>
      </c>
      <c r="U4" s="1">
        <v>11.5</v>
      </c>
      <c r="V4" s="3">
        <v>17</v>
      </c>
      <c r="W4" s="1"/>
      <c r="X4" s="1">
        <v>0.39</v>
      </c>
      <c r="Y4" s="1">
        <v>5.0000000000000001E-3</v>
      </c>
      <c r="Z4" s="1">
        <v>1.4E-3</v>
      </c>
      <c r="AA4" s="1"/>
      <c r="AB4" s="1"/>
      <c r="AC4" s="1" t="s">
        <v>923</v>
      </c>
      <c r="AD4" s="1" t="s">
        <v>924</v>
      </c>
      <c r="AE4" s="1" t="s">
        <v>925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28</v>
      </c>
      <c r="AM4" s="1"/>
      <c r="AN4" s="1"/>
      <c r="AO4" s="1"/>
      <c r="AP4" t="s">
        <v>928</v>
      </c>
      <c r="AQ4" s="1"/>
      <c r="AR4" s="1" t="s">
        <v>928</v>
      </c>
      <c r="AS4" s="1" t="s">
        <v>928</v>
      </c>
      <c r="AT4" s="1"/>
      <c r="AU4" s="1"/>
      <c r="AV4" s="1"/>
      <c r="AW4" s="1"/>
      <c r="AX4" s="1"/>
      <c r="AY4" s="1"/>
      <c r="AZ4" s="1" t="s">
        <v>936</v>
      </c>
      <c r="BA4" s="1" t="s">
        <v>926</v>
      </c>
      <c r="BB4" s="1" t="s">
        <v>924</v>
      </c>
      <c r="BC4" s="1">
        <v>0.34</v>
      </c>
      <c r="BD4" s="1">
        <v>0.39</v>
      </c>
      <c r="BE4" s="1"/>
      <c r="BF4" s="1"/>
      <c r="BG4" s="1"/>
      <c r="BH4" s="1"/>
      <c r="BI4" s="1"/>
      <c r="BJ4" s="1"/>
      <c r="BK4" s="1"/>
      <c r="BL4" s="1"/>
      <c r="BM4" s="1" t="s">
        <v>945</v>
      </c>
      <c r="BN4" s="1" t="s">
        <v>927</v>
      </c>
      <c r="BO4" s="1">
        <v>14</v>
      </c>
      <c r="BP4" s="1">
        <v>1.7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94444444444444453</v>
      </c>
      <c r="C5" s="1" t="s">
        <v>885</v>
      </c>
      <c r="D5" s="1" t="s">
        <v>27</v>
      </c>
      <c r="E5" s="1" t="s">
        <v>28</v>
      </c>
      <c r="F5" s="1" t="s">
        <v>51</v>
      </c>
      <c r="G5" s="1" t="s">
        <v>469</v>
      </c>
      <c r="J5" s="1" t="s">
        <v>418</v>
      </c>
      <c r="K5" s="1" t="s">
        <v>258</v>
      </c>
      <c r="L5" s="1" t="s">
        <v>34</v>
      </c>
      <c r="N5" s="1" t="s">
        <v>35</v>
      </c>
      <c r="O5" s="1" t="s">
        <v>74</v>
      </c>
      <c r="P5" s="1" t="s">
        <v>56</v>
      </c>
      <c r="Q5" s="1" t="s">
        <v>99</v>
      </c>
      <c r="R5" s="1" t="s">
        <v>132</v>
      </c>
      <c r="S5" s="1" t="s">
        <v>39</v>
      </c>
      <c r="T5" s="1" t="s">
        <v>538</v>
      </c>
      <c r="U5" s="1">
        <v>11.2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3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9</v>
      </c>
      <c r="B6" s="2">
        <v>0.4861111111111111</v>
      </c>
      <c r="C6" s="1" t="s">
        <v>885</v>
      </c>
      <c r="D6" s="1" t="s">
        <v>68</v>
      </c>
      <c r="E6" s="1" t="s">
        <v>887</v>
      </c>
      <c r="F6" s="1" t="s">
        <v>601</v>
      </c>
      <c r="G6" s="1" t="s">
        <v>477</v>
      </c>
      <c r="H6" s="1" t="s">
        <v>602</v>
      </c>
      <c r="I6" s="1" t="s">
        <v>603</v>
      </c>
      <c r="J6" s="1" t="s">
        <v>212</v>
      </c>
      <c r="K6" s="1" t="s">
        <v>164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144</v>
      </c>
      <c r="R6" s="1" t="s">
        <v>76</v>
      </c>
      <c r="S6" s="1" t="s">
        <v>75</v>
      </c>
      <c r="T6" s="1" t="s">
        <v>59</v>
      </c>
      <c r="U6" s="1">
        <v>10.3</v>
      </c>
      <c r="V6" s="3">
        <v>33</v>
      </c>
      <c r="W6" s="1"/>
      <c r="X6" s="1">
        <v>0.36</v>
      </c>
      <c r="Y6" s="1">
        <v>7.0000000000000001E-3</v>
      </c>
      <c r="Z6" s="1">
        <v>2.3999999999999998E-3</v>
      </c>
      <c r="AA6" s="1" t="s">
        <v>970</v>
      </c>
      <c r="AB6" s="1" t="s">
        <v>940</v>
      </c>
      <c r="AC6" s="1"/>
      <c r="AD6" s="1" t="s">
        <v>924</v>
      </c>
      <c r="AE6" s="1" t="s">
        <v>925</v>
      </c>
      <c r="AF6" s="1"/>
      <c r="AG6" s="1" t="s">
        <v>927</v>
      </c>
      <c r="AH6" s="1" t="s">
        <v>925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924</v>
      </c>
      <c r="BC6" s="1">
        <v>0.27</v>
      </c>
      <c r="BD6" s="1">
        <v>0.32</v>
      </c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8</v>
      </c>
      <c r="BP6" s="1">
        <v>2.4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94097222222222221</v>
      </c>
      <c r="C7" s="1" t="s">
        <v>885</v>
      </c>
      <c r="D7" s="1" t="s">
        <v>27</v>
      </c>
      <c r="E7" s="1" t="s">
        <v>887</v>
      </c>
      <c r="F7" s="1" t="s">
        <v>430</v>
      </c>
      <c r="G7" s="1" t="s">
        <v>553</v>
      </c>
      <c r="H7" s="1" t="s">
        <v>287</v>
      </c>
      <c r="I7" s="1" t="s">
        <v>604</v>
      </c>
      <c r="J7" s="1" t="s">
        <v>217</v>
      </c>
      <c r="K7" s="1" t="s">
        <v>149</v>
      </c>
      <c r="L7" s="1" t="s">
        <v>34</v>
      </c>
      <c r="N7" s="1" t="s">
        <v>35</v>
      </c>
      <c r="O7" s="1" t="s">
        <v>74</v>
      </c>
      <c r="P7" s="1" t="s">
        <v>56</v>
      </c>
      <c r="Q7" s="1" t="s">
        <v>144</v>
      </c>
      <c r="R7" s="1" t="s">
        <v>118</v>
      </c>
      <c r="S7" s="1" t="s">
        <v>189</v>
      </c>
      <c r="T7" s="1" t="s">
        <v>59</v>
      </c>
      <c r="U7" s="1">
        <v>10.3</v>
      </c>
      <c r="V7" s="1"/>
      <c r="W7" s="1"/>
      <c r="X7" s="1"/>
      <c r="Y7" s="1"/>
      <c r="Z7" s="1"/>
      <c r="AA7" s="1" t="s">
        <v>971</v>
      </c>
      <c r="AB7" s="1" t="s">
        <v>97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8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7</v>
      </c>
      <c r="B8" s="2">
        <v>0.44722222222222219</v>
      </c>
      <c r="C8" s="1" t="s">
        <v>885</v>
      </c>
      <c r="D8" s="1" t="s">
        <v>27</v>
      </c>
      <c r="E8" s="1" t="s">
        <v>28</v>
      </c>
      <c r="F8" s="1" t="s">
        <v>401</v>
      </c>
      <c r="G8" s="1" t="s">
        <v>605</v>
      </c>
      <c r="J8" s="1" t="s">
        <v>223</v>
      </c>
      <c r="K8" s="1" t="s">
        <v>45</v>
      </c>
      <c r="L8" s="1" t="s">
        <v>34</v>
      </c>
      <c r="N8" s="1" t="s">
        <v>35</v>
      </c>
      <c r="O8" s="1" t="s">
        <v>74</v>
      </c>
      <c r="P8" s="1" t="s">
        <v>56</v>
      </c>
      <c r="Q8" s="1" t="s">
        <v>99</v>
      </c>
      <c r="R8" s="1" t="s">
        <v>83</v>
      </c>
      <c r="S8" s="1" t="s">
        <v>48</v>
      </c>
      <c r="T8" s="1" t="s">
        <v>41</v>
      </c>
      <c r="U8" s="1">
        <v>9.5</v>
      </c>
      <c r="V8" s="3">
        <v>33</v>
      </c>
      <c r="W8" s="1"/>
      <c r="X8" s="1">
        <v>0.34</v>
      </c>
      <c r="Y8" s="1">
        <v>7.0000000000000001E-3</v>
      </c>
      <c r="Z8" s="1">
        <v>3.8999999999999998E-3</v>
      </c>
      <c r="AA8" s="1" t="s">
        <v>971</v>
      </c>
      <c r="AB8" s="1" t="s">
        <v>971</v>
      </c>
      <c r="AC8" s="1" t="s">
        <v>923</v>
      </c>
      <c r="AD8" s="1" t="s">
        <v>924</v>
      </c>
      <c r="AE8" s="1" t="s">
        <v>925</v>
      </c>
      <c r="AF8" s="1" t="s">
        <v>926</v>
      </c>
      <c r="AG8" s="1" t="s">
        <v>927</v>
      </c>
      <c r="AH8" s="1" t="s">
        <v>925</v>
      </c>
      <c r="AI8" s="1"/>
      <c r="AJ8" s="1"/>
      <c r="AK8" s="1"/>
      <c r="AL8" s="1" t="s">
        <v>928</v>
      </c>
      <c r="AM8" s="1"/>
      <c r="AN8" s="1"/>
      <c r="AO8" s="1"/>
      <c r="AP8" t="s">
        <v>928</v>
      </c>
      <c r="AQ8" s="1"/>
      <c r="AR8" s="1" t="s">
        <v>928</v>
      </c>
      <c r="AS8" s="1" t="s">
        <v>928</v>
      </c>
      <c r="AT8" s="1"/>
      <c r="AU8" s="1"/>
      <c r="AV8" s="1"/>
      <c r="AW8" s="1"/>
      <c r="AX8" s="1"/>
      <c r="AY8" s="1"/>
      <c r="AZ8" s="1" t="s">
        <v>936</v>
      </c>
      <c r="BA8" s="1" t="s">
        <v>926</v>
      </c>
      <c r="BB8" s="1" t="s">
        <v>924</v>
      </c>
      <c r="BC8" s="1">
        <v>0.26</v>
      </c>
      <c r="BD8" s="1">
        <v>0.31</v>
      </c>
      <c r="BE8" s="1"/>
      <c r="BF8" s="1"/>
      <c r="BG8" s="1"/>
      <c r="BH8" s="1"/>
      <c r="BI8" s="1"/>
      <c r="BJ8" s="1"/>
      <c r="BK8" s="1"/>
      <c r="BL8" s="1"/>
      <c r="BM8" s="1" t="s">
        <v>945</v>
      </c>
      <c r="BN8" s="1">
        <v>5.0000000000000001E-3</v>
      </c>
      <c r="BO8" s="1">
        <v>8</v>
      </c>
      <c r="BP8" s="1">
        <v>1.8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9458333333333333</v>
      </c>
      <c r="C9" s="1" t="s">
        <v>885</v>
      </c>
      <c r="D9" s="1" t="s">
        <v>27</v>
      </c>
      <c r="E9" s="1" t="s">
        <v>28</v>
      </c>
      <c r="F9" s="1" t="s">
        <v>51</v>
      </c>
      <c r="G9" s="1" t="s">
        <v>606</v>
      </c>
      <c r="J9" s="1" t="s">
        <v>217</v>
      </c>
      <c r="K9" s="1" t="s">
        <v>298</v>
      </c>
      <c r="L9" s="1" t="s">
        <v>34</v>
      </c>
      <c r="N9" s="1" t="s">
        <v>35</v>
      </c>
      <c r="O9" s="1" t="s">
        <v>74</v>
      </c>
      <c r="P9" s="1" t="s">
        <v>56</v>
      </c>
      <c r="Q9" s="1" t="s">
        <v>57</v>
      </c>
      <c r="R9" s="1" t="s">
        <v>189</v>
      </c>
      <c r="S9" s="1" t="s">
        <v>83</v>
      </c>
      <c r="T9" s="1" t="s">
        <v>41</v>
      </c>
      <c r="U9" s="1">
        <v>9.9</v>
      </c>
      <c r="V9" s="1"/>
      <c r="W9" s="1"/>
      <c r="X9" s="1"/>
      <c r="Y9" s="1"/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8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44444444444444442</v>
      </c>
      <c r="C10" s="1" t="s">
        <v>885</v>
      </c>
      <c r="D10" s="1" t="s">
        <v>68</v>
      </c>
      <c r="E10" s="1" t="s">
        <v>28</v>
      </c>
      <c r="F10" s="1" t="s">
        <v>607</v>
      </c>
      <c r="G10" s="1" t="s">
        <v>121</v>
      </c>
      <c r="H10" s="1" t="s">
        <v>542</v>
      </c>
      <c r="I10" s="1" t="s">
        <v>608</v>
      </c>
      <c r="J10" s="1" t="s">
        <v>217</v>
      </c>
      <c r="K10" s="1" t="s">
        <v>298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38</v>
      </c>
      <c r="R10" s="1" t="s">
        <v>152</v>
      </c>
      <c r="S10" s="1" t="s">
        <v>75</v>
      </c>
      <c r="T10" s="1" t="s">
        <v>538</v>
      </c>
      <c r="U10" s="1">
        <v>10.199999999999999</v>
      </c>
      <c r="V10" s="3">
        <v>79</v>
      </c>
      <c r="W10" s="1"/>
      <c r="X10" s="1">
        <v>0.32</v>
      </c>
      <c r="Y10" s="1">
        <v>5.0000000000000001E-3</v>
      </c>
      <c r="Z10" s="1">
        <v>2.3999999999999998E-3</v>
      </c>
      <c r="AA10" s="1" t="s">
        <v>971</v>
      </c>
      <c r="AB10" s="1" t="s">
        <v>971</v>
      </c>
      <c r="AC10" s="1"/>
      <c r="AD10" s="1" t="s">
        <v>924</v>
      </c>
      <c r="AE10" s="1" t="s">
        <v>925</v>
      </c>
      <c r="AF10" s="1"/>
      <c r="AG10" s="1" t="s">
        <v>927</v>
      </c>
      <c r="AH10" s="1" t="s">
        <v>925</v>
      </c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925</v>
      </c>
      <c r="AV10" s="1" t="s">
        <v>923</v>
      </c>
      <c r="AW10" s="1" t="s">
        <v>923</v>
      </c>
      <c r="AX10" s="1"/>
      <c r="AY10" s="1"/>
      <c r="AZ10" s="1"/>
      <c r="BA10" s="1"/>
      <c r="BB10" s="1" t="s">
        <v>924</v>
      </c>
      <c r="BC10" s="1">
        <v>0.27</v>
      </c>
      <c r="BD10" s="1">
        <v>0.32</v>
      </c>
      <c r="BE10" s="1"/>
      <c r="BF10" s="1"/>
      <c r="BG10" s="1"/>
      <c r="BH10" s="1"/>
      <c r="BI10" s="1"/>
      <c r="BJ10" s="1"/>
      <c r="BK10" s="1" t="s">
        <v>925</v>
      </c>
      <c r="BL10" s="1" t="s">
        <v>931</v>
      </c>
      <c r="BM10" s="1"/>
      <c r="BN10" s="1"/>
      <c r="BO10" s="1">
        <v>8</v>
      </c>
      <c r="BP10" s="1">
        <v>1.7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375</v>
      </c>
      <c r="C11" s="1" t="s">
        <v>885</v>
      </c>
      <c r="D11" s="1" t="s">
        <v>68</v>
      </c>
      <c r="E11" s="1" t="s">
        <v>28</v>
      </c>
      <c r="F11" s="1" t="s">
        <v>508</v>
      </c>
      <c r="G11" s="1" t="s">
        <v>94</v>
      </c>
      <c r="H11" s="1" t="s">
        <v>591</v>
      </c>
      <c r="I11" s="1" t="s">
        <v>609</v>
      </c>
      <c r="J11" s="1" t="s">
        <v>223</v>
      </c>
      <c r="K11" s="1" t="s">
        <v>45</v>
      </c>
      <c r="L11" s="1" t="s">
        <v>34</v>
      </c>
      <c r="N11" s="1" t="s">
        <v>35</v>
      </c>
      <c r="O11" s="1" t="s">
        <v>74</v>
      </c>
      <c r="P11" s="1" t="s">
        <v>56</v>
      </c>
      <c r="Q11" s="1" t="s">
        <v>57</v>
      </c>
      <c r="R11" s="1" t="s">
        <v>152</v>
      </c>
      <c r="S11" s="1" t="s">
        <v>48</v>
      </c>
      <c r="T11" s="1" t="s">
        <v>538</v>
      </c>
      <c r="U11" s="1">
        <v>9.9</v>
      </c>
      <c r="V11" s="1"/>
      <c r="W11" s="1"/>
      <c r="X11" s="1"/>
      <c r="Y11" s="1"/>
      <c r="Z11" s="1"/>
      <c r="AA11" s="1" t="s">
        <v>971</v>
      </c>
      <c r="AB11" s="1" t="s">
        <v>97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8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544</v>
      </c>
      <c r="B12" s="2">
        <v>0.5</v>
      </c>
      <c r="C12" s="1" t="s">
        <v>885</v>
      </c>
      <c r="D12" s="1" t="s">
        <v>27</v>
      </c>
      <c r="E12" s="1" t="s">
        <v>28</v>
      </c>
      <c r="F12" s="1" t="s">
        <v>610</v>
      </c>
      <c r="G12" s="1" t="s">
        <v>611</v>
      </c>
      <c r="H12" s="1" t="s">
        <v>557</v>
      </c>
      <c r="I12" s="1" t="s">
        <v>612</v>
      </c>
      <c r="J12" s="1" t="s">
        <v>418</v>
      </c>
      <c r="K12" s="1" t="s">
        <v>310</v>
      </c>
      <c r="L12" s="1" t="s">
        <v>34</v>
      </c>
      <c r="N12" s="1" t="s">
        <v>35</v>
      </c>
      <c r="O12" s="1" t="s">
        <v>74</v>
      </c>
      <c r="P12" s="1" t="s">
        <v>56</v>
      </c>
      <c r="Q12" s="1" t="s">
        <v>38</v>
      </c>
      <c r="R12" s="1" t="s">
        <v>404</v>
      </c>
      <c r="S12" s="1" t="s">
        <v>83</v>
      </c>
      <c r="T12" s="1" t="s">
        <v>538</v>
      </c>
      <c r="U12" s="1">
        <v>8.6</v>
      </c>
      <c r="V12" s="3">
        <v>1300</v>
      </c>
      <c r="W12" s="1" t="s">
        <v>929</v>
      </c>
      <c r="X12" s="1">
        <v>0.59</v>
      </c>
      <c r="Y12" s="1">
        <v>1.0999999999999999E-2</v>
      </c>
      <c r="Z12" s="1">
        <v>1.2999999999999999E-3</v>
      </c>
      <c r="AA12" s="1" t="s">
        <v>970</v>
      </c>
      <c r="AB12" s="1" t="s">
        <v>940</v>
      </c>
      <c r="AC12" s="1" t="s">
        <v>923</v>
      </c>
      <c r="AD12" s="1" t="s">
        <v>924</v>
      </c>
      <c r="AE12" s="1" t="s">
        <v>925</v>
      </c>
      <c r="AF12" s="1" t="s">
        <v>926</v>
      </c>
      <c r="AG12" s="1" t="s">
        <v>927</v>
      </c>
      <c r="AH12" s="1" t="s">
        <v>925</v>
      </c>
      <c r="AI12" s="1"/>
      <c r="AJ12" s="1" t="s">
        <v>925</v>
      </c>
      <c r="AK12" s="1" t="s">
        <v>928</v>
      </c>
      <c r="AL12" s="1" t="s">
        <v>928</v>
      </c>
      <c r="AM12" s="1" t="s">
        <v>928</v>
      </c>
      <c r="AN12" s="1" t="s">
        <v>928</v>
      </c>
      <c r="AO12" s="1" t="s">
        <v>928</v>
      </c>
      <c r="AP12" t="s">
        <v>928</v>
      </c>
      <c r="AQ12" s="1" t="s">
        <v>928</v>
      </c>
      <c r="AR12" s="1" t="s">
        <v>928</v>
      </c>
      <c r="AS12" s="1" t="s">
        <v>928</v>
      </c>
      <c r="AT12" s="1" t="s">
        <v>930</v>
      </c>
      <c r="AU12" s="1"/>
      <c r="AV12" s="1"/>
      <c r="AW12" s="1"/>
      <c r="AX12" s="1" t="s">
        <v>928</v>
      </c>
      <c r="AY12" s="1" t="s">
        <v>937</v>
      </c>
      <c r="AZ12" s="1" t="s">
        <v>936</v>
      </c>
      <c r="BA12" s="1" t="s">
        <v>926</v>
      </c>
      <c r="BB12" s="1" t="s">
        <v>924</v>
      </c>
      <c r="BC12" s="1">
        <v>0.56999999999999995</v>
      </c>
      <c r="BD12" s="1">
        <v>0.62</v>
      </c>
      <c r="BE12" s="1" t="s">
        <v>927</v>
      </c>
      <c r="BF12" s="1" t="s">
        <v>927</v>
      </c>
      <c r="BG12" s="1">
        <v>1E-3</v>
      </c>
      <c r="BH12" s="1" t="s">
        <v>926</v>
      </c>
      <c r="BI12" s="1" t="s">
        <v>924</v>
      </c>
      <c r="BJ12" s="1" t="s">
        <v>926</v>
      </c>
      <c r="BK12" s="1"/>
      <c r="BL12" s="1"/>
      <c r="BM12" s="1" t="s">
        <v>945</v>
      </c>
      <c r="BN12" s="1">
        <v>8.0000000000000002E-3</v>
      </c>
      <c r="BO12" s="1">
        <v>11</v>
      </c>
      <c r="BP12" s="1">
        <v>1.8</v>
      </c>
      <c r="BQ12" s="1"/>
      <c r="BR12" s="1" t="s">
        <v>946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3333333333333337</v>
      </c>
      <c r="C13" s="1" t="s">
        <v>885</v>
      </c>
      <c r="D13" s="1" t="s">
        <v>27</v>
      </c>
      <c r="E13" s="1" t="s">
        <v>28</v>
      </c>
      <c r="F13" s="1" t="s">
        <v>251</v>
      </c>
      <c r="G13" s="1" t="s">
        <v>93</v>
      </c>
      <c r="H13" s="1" t="s">
        <v>548</v>
      </c>
      <c r="I13" s="1" t="s">
        <v>613</v>
      </c>
      <c r="J13" s="1" t="s">
        <v>418</v>
      </c>
      <c r="K13" s="1" t="s">
        <v>261</v>
      </c>
      <c r="L13" s="1" t="s">
        <v>34</v>
      </c>
      <c r="N13" s="1" t="s">
        <v>35</v>
      </c>
      <c r="O13" s="1" t="s">
        <v>74</v>
      </c>
      <c r="P13" s="1" t="s">
        <v>56</v>
      </c>
      <c r="Q13" s="1" t="s">
        <v>144</v>
      </c>
      <c r="R13" s="1" t="s">
        <v>404</v>
      </c>
      <c r="S13" s="1" t="s">
        <v>82</v>
      </c>
      <c r="T13" s="1" t="s">
        <v>538</v>
      </c>
      <c r="U13" s="1">
        <v>8.4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1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9</v>
      </c>
      <c r="B14" s="2">
        <v>0.47569444444444442</v>
      </c>
      <c r="C14" s="1" t="s">
        <v>885</v>
      </c>
      <c r="D14" s="1" t="s">
        <v>27</v>
      </c>
      <c r="E14" s="1" t="s">
        <v>887</v>
      </c>
      <c r="F14" s="1" t="s">
        <v>545</v>
      </c>
      <c r="G14" s="1" t="s">
        <v>127</v>
      </c>
      <c r="H14" s="1" t="s">
        <v>541</v>
      </c>
      <c r="I14" s="1" t="s">
        <v>614</v>
      </c>
      <c r="J14" s="1" t="s">
        <v>217</v>
      </c>
      <c r="K14" s="1" t="s">
        <v>149</v>
      </c>
      <c r="L14" s="1" t="s">
        <v>34</v>
      </c>
      <c r="N14" s="1" t="s">
        <v>35</v>
      </c>
      <c r="O14" s="1" t="s">
        <v>233</v>
      </c>
      <c r="P14" s="1" t="s">
        <v>56</v>
      </c>
      <c r="Q14" s="1" t="s">
        <v>57</v>
      </c>
      <c r="R14" s="1" t="s">
        <v>177</v>
      </c>
      <c r="S14" s="1" t="s">
        <v>39</v>
      </c>
      <c r="T14" s="1" t="s">
        <v>538</v>
      </c>
      <c r="U14" s="1">
        <v>9.3000000000000007</v>
      </c>
      <c r="V14" s="3">
        <v>79</v>
      </c>
      <c r="W14" s="1"/>
      <c r="X14" s="1">
        <v>0.42</v>
      </c>
      <c r="Y14" s="1">
        <v>6.0000000000000001E-3</v>
      </c>
      <c r="Z14" s="1">
        <v>1.2999999999999999E-3</v>
      </c>
      <c r="AA14" s="1"/>
      <c r="AB14" s="1"/>
      <c r="AC14" s="1"/>
      <c r="AD14" s="1" t="s">
        <v>924</v>
      </c>
      <c r="AE14" s="1" t="s">
        <v>925</v>
      </c>
      <c r="AF14" s="1"/>
      <c r="AG14" s="1" t="s">
        <v>927</v>
      </c>
      <c r="AH14" s="1" t="s">
        <v>925</v>
      </c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924</v>
      </c>
      <c r="BC14" s="1">
        <v>0.41</v>
      </c>
      <c r="BD14" s="1">
        <v>0.46</v>
      </c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9</v>
      </c>
      <c r="BP14" s="1">
        <v>1.7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9291666666666667</v>
      </c>
      <c r="C15" s="1" t="s">
        <v>885</v>
      </c>
      <c r="D15" s="1" t="s">
        <v>27</v>
      </c>
      <c r="E15" s="1" t="s">
        <v>887</v>
      </c>
      <c r="F15" s="1" t="s">
        <v>29</v>
      </c>
      <c r="G15" s="1" t="s">
        <v>235</v>
      </c>
      <c r="H15" s="1" t="s">
        <v>548</v>
      </c>
      <c r="I15" s="1" t="s">
        <v>615</v>
      </c>
      <c r="J15" s="1" t="s">
        <v>217</v>
      </c>
      <c r="K15" s="1" t="s">
        <v>572</v>
      </c>
      <c r="L15" s="1" t="s">
        <v>34</v>
      </c>
      <c r="N15" s="1" t="s">
        <v>35</v>
      </c>
      <c r="O15" s="1" t="s">
        <v>233</v>
      </c>
      <c r="P15" s="1" t="s">
        <v>56</v>
      </c>
      <c r="Q15" s="1" t="s">
        <v>464</v>
      </c>
      <c r="R15" s="1" t="s">
        <v>404</v>
      </c>
      <c r="S15" s="1" t="s">
        <v>196</v>
      </c>
      <c r="T15" s="1" t="s">
        <v>538</v>
      </c>
      <c r="U15" s="1">
        <v>7.9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9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3</v>
      </c>
      <c r="B16" s="2">
        <v>0.35069444444444442</v>
      </c>
      <c r="C16" s="1" t="s">
        <v>885</v>
      </c>
      <c r="D16" s="1" t="s">
        <v>27</v>
      </c>
      <c r="E16" s="1" t="s">
        <v>28</v>
      </c>
      <c r="F16" s="1" t="s">
        <v>327</v>
      </c>
      <c r="G16" s="1" t="s">
        <v>338</v>
      </c>
      <c r="H16" s="1" t="s">
        <v>212</v>
      </c>
      <c r="I16" s="1" t="s">
        <v>324</v>
      </c>
      <c r="J16" s="1" t="s">
        <v>271</v>
      </c>
      <c r="K16" s="1" t="s">
        <v>390</v>
      </c>
      <c r="L16" s="1" t="s">
        <v>34</v>
      </c>
      <c r="N16" s="1" t="s">
        <v>35</v>
      </c>
      <c r="O16" s="1" t="s">
        <v>74</v>
      </c>
      <c r="P16" s="1" t="s">
        <v>56</v>
      </c>
      <c r="Q16" s="1" t="s">
        <v>38</v>
      </c>
      <c r="R16" s="1" t="s">
        <v>547</v>
      </c>
      <c r="S16" s="1" t="s">
        <v>132</v>
      </c>
      <c r="T16" s="1" t="s">
        <v>538</v>
      </c>
      <c r="U16" s="1">
        <v>10.3</v>
      </c>
      <c r="V16" s="3">
        <v>230</v>
      </c>
      <c r="W16" s="1"/>
      <c r="X16" s="1">
        <v>0.59</v>
      </c>
      <c r="Y16" s="1">
        <v>8.0000000000000002E-3</v>
      </c>
      <c r="Z16" s="1">
        <v>1.1999999999999999E-3</v>
      </c>
      <c r="AA16" s="1"/>
      <c r="AB16" s="1"/>
      <c r="AC16" s="1" t="s">
        <v>923</v>
      </c>
      <c r="AD16" s="1" t="s">
        <v>924</v>
      </c>
      <c r="AE16" s="1" t="s">
        <v>925</v>
      </c>
      <c r="AF16" s="1" t="s">
        <v>926</v>
      </c>
      <c r="AG16" s="1" t="s">
        <v>927</v>
      </c>
      <c r="AH16" s="1" t="s">
        <v>925</v>
      </c>
      <c r="AI16" s="1"/>
      <c r="AJ16" s="1"/>
      <c r="AK16" s="1"/>
      <c r="AL16" s="1" t="s">
        <v>928</v>
      </c>
      <c r="AM16" s="1"/>
      <c r="AN16" s="1"/>
      <c r="AO16" s="1"/>
      <c r="AP16" t="s">
        <v>928</v>
      </c>
      <c r="AQ16" s="1"/>
      <c r="AR16" s="1" t="s">
        <v>928</v>
      </c>
      <c r="AS16" s="1" t="s">
        <v>928</v>
      </c>
      <c r="AT16" s="1"/>
      <c r="AU16" s="1"/>
      <c r="AV16" s="1"/>
      <c r="AW16" s="1"/>
      <c r="AX16" s="1"/>
      <c r="AY16" s="1"/>
      <c r="AZ16" s="1" t="s">
        <v>936</v>
      </c>
      <c r="BA16" s="1" t="s">
        <v>926</v>
      </c>
      <c r="BB16" s="1" t="s">
        <v>924</v>
      </c>
      <c r="BC16" s="1">
        <v>0.48</v>
      </c>
      <c r="BD16" s="1">
        <v>0.53</v>
      </c>
      <c r="BE16" s="1"/>
      <c r="BF16" s="1"/>
      <c r="BG16" s="1"/>
      <c r="BH16" s="1"/>
      <c r="BI16" s="1"/>
      <c r="BJ16" s="1"/>
      <c r="BK16" s="1"/>
      <c r="BL16" s="1"/>
      <c r="BM16" s="1" t="s">
        <v>945</v>
      </c>
      <c r="BN16" s="1" t="s">
        <v>927</v>
      </c>
      <c r="BO16" s="1">
        <v>12</v>
      </c>
      <c r="BP16" s="1">
        <v>2.2999999999999998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92083333333333339</v>
      </c>
      <c r="C17" s="1" t="s">
        <v>885</v>
      </c>
      <c r="D17" s="1" t="s">
        <v>27</v>
      </c>
      <c r="E17" s="1" t="s">
        <v>28</v>
      </c>
      <c r="F17" s="1" t="s">
        <v>616</v>
      </c>
      <c r="G17" s="1" t="s">
        <v>155</v>
      </c>
      <c r="H17" s="1" t="s">
        <v>254</v>
      </c>
      <c r="I17" s="1" t="s">
        <v>617</v>
      </c>
      <c r="J17" s="1" t="s">
        <v>552</v>
      </c>
      <c r="K17" s="1" t="s">
        <v>618</v>
      </c>
      <c r="L17" s="1" t="s">
        <v>34</v>
      </c>
      <c r="N17" s="1" t="s">
        <v>35</v>
      </c>
      <c r="O17" s="1" t="s">
        <v>74</v>
      </c>
      <c r="P17" s="1" t="s">
        <v>56</v>
      </c>
      <c r="Q17" s="1" t="s">
        <v>57</v>
      </c>
      <c r="R17" s="1" t="s">
        <v>177</v>
      </c>
      <c r="S17" s="1" t="s">
        <v>152</v>
      </c>
      <c r="T17" s="1" t="s">
        <v>538</v>
      </c>
      <c r="U17" s="1">
        <v>10.1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3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6</v>
      </c>
      <c r="B18" s="2">
        <v>0.47361111111111115</v>
      </c>
      <c r="C18" s="1" t="s">
        <v>885</v>
      </c>
      <c r="D18" s="1" t="s">
        <v>68</v>
      </c>
      <c r="E18" s="1" t="s">
        <v>28</v>
      </c>
      <c r="F18" s="1" t="s">
        <v>616</v>
      </c>
      <c r="G18" s="1" t="s">
        <v>168</v>
      </c>
      <c r="H18" s="1" t="s">
        <v>223</v>
      </c>
      <c r="I18" s="1" t="s">
        <v>142</v>
      </c>
      <c r="J18" s="1" t="s">
        <v>217</v>
      </c>
      <c r="K18" s="1" t="s">
        <v>149</v>
      </c>
      <c r="L18" s="1" t="s">
        <v>34</v>
      </c>
      <c r="N18" s="1" t="s">
        <v>35</v>
      </c>
      <c r="O18" s="1" t="s">
        <v>74</v>
      </c>
      <c r="P18" s="1" t="s">
        <v>56</v>
      </c>
      <c r="Q18" s="1" t="s">
        <v>57</v>
      </c>
      <c r="R18" s="1" t="s">
        <v>132</v>
      </c>
      <c r="S18" s="1" t="s">
        <v>39</v>
      </c>
      <c r="T18" s="1" t="s">
        <v>538</v>
      </c>
      <c r="U18" s="1">
        <v>10.9</v>
      </c>
      <c r="V18" s="3">
        <v>130</v>
      </c>
      <c r="W18" s="1"/>
      <c r="X18" s="1">
        <v>0.47</v>
      </c>
      <c r="Y18" s="1">
        <v>6.0000000000000001E-3</v>
      </c>
      <c r="Z18" s="1">
        <v>1.6999999999999999E-3</v>
      </c>
      <c r="AA18" s="1" t="s">
        <v>970</v>
      </c>
      <c r="AB18" s="1" t="s">
        <v>940</v>
      </c>
      <c r="AC18" s="1"/>
      <c r="AD18" s="1" t="s">
        <v>924</v>
      </c>
      <c r="AE18" s="1" t="s">
        <v>925</v>
      </c>
      <c r="AF18" s="1"/>
      <c r="AG18" s="1" t="s">
        <v>927</v>
      </c>
      <c r="AH18" s="1" t="s">
        <v>925</v>
      </c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924</v>
      </c>
      <c r="BC18" s="1">
        <v>0.41</v>
      </c>
      <c r="BD18" s="1">
        <v>0.46</v>
      </c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2</v>
      </c>
      <c r="BP18" s="1">
        <v>2.2000000000000002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94791666666666663</v>
      </c>
      <c r="C19" s="1" t="s">
        <v>885</v>
      </c>
      <c r="D19" s="1" t="s">
        <v>153</v>
      </c>
      <c r="E19" s="1" t="s">
        <v>28</v>
      </c>
      <c r="F19" s="1" t="s">
        <v>375</v>
      </c>
      <c r="G19" s="1" t="s">
        <v>619</v>
      </c>
      <c r="H19" s="1" t="s">
        <v>242</v>
      </c>
      <c r="I19" s="1" t="s">
        <v>482</v>
      </c>
      <c r="J19" s="1" t="s">
        <v>217</v>
      </c>
      <c r="K19" s="1" t="s">
        <v>339</v>
      </c>
      <c r="L19" s="1" t="s">
        <v>34</v>
      </c>
      <c r="N19" s="1" t="s">
        <v>35</v>
      </c>
      <c r="O19" s="1" t="s">
        <v>74</v>
      </c>
      <c r="P19" s="1" t="s">
        <v>56</v>
      </c>
      <c r="Q19" s="1" t="s">
        <v>117</v>
      </c>
      <c r="R19" s="1" t="s">
        <v>47</v>
      </c>
      <c r="S19" s="1" t="s">
        <v>58</v>
      </c>
      <c r="T19" s="1" t="s">
        <v>538</v>
      </c>
      <c r="U19" s="1">
        <v>10.5</v>
      </c>
      <c r="V19" s="1"/>
      <c r="W19" s="1"/>
      <c r="X19" s="1"/>
      <c r="Y19" s="1"/>
      <c r="Z19" s="1"/>
      <c r="AA19" s="1" t="s">
        <v>971</v>
      </c>
      <c r="AB19" s="1" t="s">
        <v>97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3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1</v>
      </c>
      <c r="B20" s="2">
        <v>0.45833333333333331</v>
      </c>
      <c r="C20" s="1" t="s">
        <v>885</v>
      </c>
      <c r="D20" s="1" t="s">
        <v>68</v>
      </c>
      <c r="E20" s="1" t="s">
        <v>887</v>
      </c>
      <c r="F20" s="1" t="s">
        <v>519</v>
      </c>
      <c r="G20" s="1" t="s">
        <v>620</v>
      </c>
      <c r="H20" s="1" t="s">
        <v>312</v>
      </c>
      <c r="I20" s="1" t="s">
        <v>104</v>
      </c>
      <c r="J20" s="1" t="s">
        <v>223</v>
      </c>
      <c r="K20" s="1" t="s">
        <v>575</v>
      </c>
      <c r="L20" s="1" t="s">
        <v>34</v>
      </c>
      <c r="N20" s="1" t="s">
        <v>35</v>
      </c>
      <c r="O20" s="1" t="s">
        <v>74</v>
      </c>
      <c r="P20" s="1" t="s">
        <v>56</v>
      </c>
      <c r="Q20" s="1" t="s">
        <v>57</v>
      </c>
      <c r="R20" s="1" t="s">
        <v>159</v>
      </c>
      <c r="S20" s="1" t="s">
        <v>39</v>
      </c>
      <c r="T20" s="1" t="s">
        <v>538</v>
      </c>
      <c r="U20" s="1">
        <v>11.2</v>
      </c>
      <c r="V20" s="3">
        <v>230</v>
      </c>
      <c r="W20" s="1"/>
      <c r="X20" s="1">
        <v>0.56000000000000005</v>
      </c>
      <c r="Y20" s="1">
        <v>8.0000000000000002E-3</v>
      </c>
      <c r="Z20" s="1">
        <v>1.1999999999999999E-3</v>
      </c>
      <c r="AA20" s="1" t="s">
        <v>971</v>
      </c>
      <c r="AB20" s="1" t="s">
        <v>971</v>
      </c>
      <c r="AC20" s="1" t="s">
        <v>923</v>
      </c>
      <c r="AD20" s="1" t="s">
        <v>924</v>
      </c>
      <c r="AE20" s="1" t="s">
        <v>925</v>
      </c>
      <c r="AF20" s="1" t="s">
        <v>926</v>
      </c>
      <c r="AG20" s="1" t="s">
        <v>927</v>
      </c>
      <c r="AH20" s="1" t="s">
        <v>925</v>
      </c>
      <c r="AI20" s="1"/>
      <c r="AJ20" s="1"/>
      <c r="AK20" s="1"/>
      <c r="AL20" s="1" t="s">
        <v>928</v>
      </c>
      <c r="AM20" s="1"/>
      <c r="AN20" s="1"/>
      <c r="AO20" s="1"/>
      <c r="AP20" t="s">
        <v>928</v>
      </c>
      <c r="AQ20" s="1"/>
      <c r="AR20" s="1" t="s">
        <v>928</v>
      </c>
      <c r="AS20" s="1" t="s">
        <v>928</v>
      </c>
      <c r="AT20" s="1"/>
      <c r="AU20" s="1"/>
      <c r="AV20" s="1"/>
      <c r="AW20" s="1"/>
      <c r="AX20" s="1"/>
      <c r="AY20" s="1"/>
      <c r="AZ20" s="1" t="s">
        <v>936</v>
      </c>
      <c r="BA20" s="1" t="s">
        <v>926</v>
      </c>
      <c r="BB20" s="1" t="s">
        <v>924</v>
      </c>
      <c r="BC20" s="1">
        <v>0.37</v>
      </c>
      <c r="BD20" s="1">
        <v>0.42</v>
      </c>
      <c r="BE20" s="1"/>
      <c r="BF20" s="1"/>
      <c r="BG20" s="1"/>
      <c r="BH20" s="1"/>
      <c r="BI20" s="1"/>
      <c r="BJ20" s="1"/>
      <c r="BK20" s="1"/>
      <c r="BL20" s="1"/>
      <c r="BM20" s="1" t="s">
        <v>945</v>
      </c>
      <c r="BN20" s="1">
        <v>5.0000000000000001E-3</v>
      </c>
      <c r="BO20" s="1">
        <v>12</v>
      </c>
      <c r="BP20" s="1">
        <v>2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92986111111111114</v>
      </c>
      <c r="C21" s="1" t="s">
        <v>885</v>
      </c>
      <c r="D21" s="1" t="s">
        <v>68</v>
      </c>
      <c r="E21" s="1" t="s">
        <v>887</v>
      </c>
      <c r="F21" s="1" t="s">
        <v>555</v>
      </c>
      <c r="G21" s="1" t="s">
        <v>147</v>
      </c>
      <c r="H21" s="1" t="s">
        <v>229</v>
      </c>
      <c r="I21" s="1" t="s">
        <v>621</v>
      </c>
      <c r="J21" s="1" t="s">
        <v>217</v>
      </c>
      <c r="K21" s="1" t="s">
        <v>298</v>
      </c>
      <c r="L21" s="1" t="s">
        <v>34</v>
      </c>
      <c r="N21" s="1" t="s">
        <v>35</v>
      </c>
      <c r="O21" s="1" t="s">
        <v>74</v>
      </c>
      <c r="P21" s="1" t="s">
        <v>56</v>
      </c>
      <c r="Q21" s="1" t="s">
        <v>117</v>
      </c>
      <c r="R21" s="1" t="s">
        <v>152</v>
      </c>
      <c r="S21" s="1" t="s">
        <v>416</v>
      </c>
      <c r="T21" s="1" t="s">
        <v>59</v>
      </c>
      <c r="U21" s="1">
        <v>10.9</v>
      </c>
      <c r="V21" s="1"/>
      <c r="W21" s="1"/>
      <c r="X21" s="1"/>
      <c r="Y21" s="1"/>
      <c r="Z21" s="1"/>
      <c r="AA21" s="1" t="s">
        <v>971</v>
      </c>
      <c r="AB21" s="1" t="s">
        <v>97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2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1</v>
      </c>
      <c r="B22" s="2">
        <v>0.46875</v>
      </c>
      <c r="C22" s="1" t="s">
        <v>885</v>
      </c>
      <c r="D22" s="1" t="s">
        <v>27</v>
      </c>
      <c r="E22" s="1" t="s">
        <v>28</v>
      </c>
      <c r="F22" s="1" t="s">
        <v>357</v>
      </c>
      <c r="G22" s="1" t="s">
        <v>370</v>
      </c>
      <c r="H22" s="1" t="s">
        <v>550</v>
      </c>
      <c r="I22" s="1" t="s">
        <v>524</v>
      </c>
      <c r="J22" s="1" t="s">
        <v>312</v>
      </c>
      <c r="K22" s="1" t="s">
        <v>602</v>
      </c>
      <c r="L22" s="1" t="s">
        <v>34</v>
      </c>
      <c r="N22" s="1" t="s">
        <v>35</v>
      </c>
      <c r="O22" s="1" t="s">
        <v>74</v>
      </c>
      <c r="P22" s="1" t="s">
        <v>56</v>
      </c>
      <c r="Q22" s="1" t="s">
        <v>144</v>
      </c>
      <c r="R22" s="1" t="s">
        <v>177</v>
      </c>
      <c r="S22" s="1" t="s">
        <v>83</v>
      </c>
      <c r="T22" s="1" t="s">
        <v>41</v>
      </c>
      <c r="U22" s="1">
        <v>11.5</v>
      </c>
      <c r="V22" s="3">
        <v>33</v>
      </c>
      <c r="W22" s="1"/>
      <c r="X22" s="1">
        <v>0.36</v>
      </c>
      <c r="Y22" s="1">
        <v>5.0000000000000001E-3</v>
      </c>
      <c r="Z22" s="1">
        <v>1.1000000000000001E-3</v>
      </c>
      <c r="AA22" s="1" t="s">
        <v>971</v>
      </c>
      <c r="AB22" s="1" t="s">
        <v>971</v>
      </c>
      <c r="AC22" s="1"/>
      <c r="AD22" s="1" t="s">
        <v>924</v>
      </c>
      <c r="AE22" s="1" t="s">
        <v>925</v>
      </c>
      <c r="AF22" s="1"/>
      <c r="AG22" s="1" t="s">
        <v>927</v>
      </c>
      <c r="AH22" s="1" t="s">
        <v>925</v>
      </c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924</v>
      </c>
      <c r="BC22" s="1">
        <v>0.3</v>
      </c>
      <c r="BD22" s="1">
        <v>0.35</v>
      </c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9</v>
      </c>
      <c r="BP22" s="1">
        <v>1.9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3402777777777779</v>
      </c>
      <c r="C23" s="1" t="s">
        <v>885</v>
      </c>
      <c r="D23" s="1" t="s">
        <v>27</v>
      </c>
      <c r="E23" s="1" t="s">
        <v>28</v>
      </c>
      <c r="F23" s="1" t="s">
        <v>622</v>
      </c>
      <c r="G23" s="1" t="s">
        <v>595</v>
      </c>
      <c r="H23" s="1" t="s">
        <v>242</v>
      </c>
      <c r="I23" s="1" t="s">
        <v>623</v>
      </c>
      <c r="J23" s="1" t="s">
        <v>217</v>
      </c>
      <c r="K23" s="1" t="s">
        <v>149</v>
      </c>
      <c r="L23" s="1" t="s">
        <v>34</v>
      </c>
      <c r="N23" s="1" t="s">
        <v>35</v>
      </c>
      <c r="O23" s="1" t="s">
        <v>74</v>
      </c>
      <c r="P23" s="1" t="s">
        <v>56</v>
      </c>
      <c r="Q23" s="1" t="s">
        <v>117</v>
      </c>
      <c r="R23" s="1" t="s">
        <v>404</v>
      </c>
      <c r="S23" s="1" t="s">
        <v>132</v>
      </c>
      <c r="T23" s="1" t="s">
        <v>538</v>
      </c>
      <c r="U23" s="1">
        <v>11.6</v>
      </c>
      <c r="V23" s="1"/>
      <c r="W23" s="1"/>
      <c r="X23" s="1"/>
      <c r="Y23" s="1"/>
      <c r="Z23" s="1"/>
      <c r="AA23" s="1" t="s">
        <v>971</v>
      </c>
      <c r="AB23" s="1" t="s">
        <v>971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9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2</v>
      </c>
      <c r="B24" s="2">
        <v>0.47986111111111113</v>
      </c>
      <c r="C24" s="1" t="s">
        <v>885</v>
      </c>
      <c r="D24" s="1" t="s">
        <v>27</v>
      </c>
      <c r="E24" s="1" t="s">
        <v>887</v>
      </c>
      <c r="F24" s="1" t="s">
        <v>347</v>
      </c>
      <c r="G24" s="1" t="s">
        <v>210</v>
      </c>
      <c r="H24" s="1" t="s">
        <v>394</v>
      </c>
      <c r="I24" s="1" t="s">
        <v>624</v>
      </c>
      <c r="J24" s="1" t="s">
        <v>217</v>
      </c>
      <c r="K24" s="1" t="s">
        <v>339</v>
      </c>
      <c r="L24" s="1" t="s">
        <v>34</v>
      </c>
      <c r="N24" s="1" t="s">
        <v>35</v>
      </c>
      <c r="O24" s="1" t="s">
        <v>74</v>
      </c>
      <c r="P24" s="1" t="s">
        <v>56</v>
      </c>
      <c r="Q24" s="1" t="s">
        <v>144</v>
      </c>
      <c r="R24" s="1" t="s">
        <v>118</v>
      </c>
      <c r="S24" s="1" t="s">
        <v>416</v>
      </c>
      <c r="T24" s="1" t="s">
        <v>41</v>
      </c>
      <c r="U24" s="1">
        <v>11.5</v>
      </c>
      <c r="V24" s="3">
        <v>49</v>
      </c>
      <c r="W24" s="1" t="s">
        <v>929</v>
      </c>
      <c r="X24" s="1">
        <v>0.39</v>
      </c>
      <c r="Y24" s="1">
        <v>4.0000000000000001E-3</v>
      </c>
      <c r="Z24" s="1">
        <v>1.2999999999999999E-3</v>
      </c>
      <c r="AA24" s="1" t="s">
        <v>970</v>
      </c>
      <c r="AB24" s="1" t="s">
        <v>940</v>
      </c>
      <c r="AC24" s="1" t="s">
        <v>923</v>
      </c>
      <c r="AD24" s="1" t="s">
        <v>924</v>
      </c>
      <c r="AE24" s="1" t="s">
        <v>925</v>
      </c>
      <c r="AF24" s="1" t="s">
        <v>926</v>
      </c>
      <c r="AG24" s="1" t="s">
        <v>927</v>
      </c>
      <c r="AH24" s="1" t="s">
        <v>925</v>
      </c>
      <c r="AI24" s="1"/>
      <c r="AJ24" s="1" t="s">
        <v>925</v>
      </c>
      <c r="AK24" s="1" t="s">
        <v>928</v>
      </c>
      <c r="AL24" s="1" t="s">
        <v>928</v>
      </c>
      <c r="AM24" s="1" t="s">
        <v>928</v>
      </c>
      <c r="AN24" s="1" t="s">
        <v>928</v>
      </c>
      <c r="AO24" s="1" t="s">
        <v>928</v>
      </c>
      <c r="AP24" t="s">
        <v>928</v>
      </c>
      <c r="AQ24" s="1" t="s">
        <v>928</v>
      </c>
      <c r="AR24" s="1" t="s">
        <v>928</v>
      </c>
      <c r="AS24" s="1" t="s">
        <v>928</v>
      </c>
      <c r="AT24" s="1" t="s">
        <v>930</v>
      </c>
      <c r="AU24" s="1"/>
      <c r="AV24" s="1"/>
      <c r="AW24" s="1"/>
      <c r="AX24" s="1" t="s">
        <v>928</v>
      </c>
      <c r="AY24" s="1" t="s">
        <v>937</v>
      </c>
      <c r="AZ24" s="1" t="s">
        <v>936</v>
      </c>
      <c r="BA24" s="1" t="s">
        <v>926</v>
      </c>
      <c r="BB24" s="1" t="s">
        <v>924</v>
      </c>
      <c r="BC24" s="1">
        <v>0.28999999999999998</v>
      </c>
      <c r="BD24" s="1">
        <v>0.34</v>
      </c>
      <c r="BE24" s="1" t="s">
        <v>927</v>
      </c>
      <c r="BF24" s="1" t="s">
        <v>927</v>
      </c>
      <c r="BG24" s="1">
        <v>5.9999999999999995E-4</v>
      </c>
      <c r="BH24" s="1" t="s">
        <v>926</v>
      </c>
      <c r="BI24" s="1" t="s">
        <v>924</v>
      </c>
      <c r="BJ24" s="1" t="s">
        <v>926</v>
      </c>
      <c r="BK24" s="1"/>
      <c r="BL24" s="1"/>
      <c r="BM24" s="1" t="s">
        <v>945</v>
      </c>
      <c r="BN24" s="1" t="s">
        <v>927</v>
      </c>
      <c r="BO24" s="1">
        <v>9</v>
      </c>
      <c r="BP24" s="1">
        <v>1.7</v>
      </c>
      <c r="BQ24" s="1"/>
      <c r="BR24" s="1" t="s">
        <v>946</v>
      </c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94097222222222221</v>
      </c>
      <c r="C25" s="1" t="s">
        <v>885</v>
      </c>
      <c r="D25" s="1" t="s">
        <v>68</v>
      </c>
      <c r="E25" s="1" t="s">
        <v>887</v>
      </c>
      <c r="F25" s="1" t="s">
        <v>625</v>
      </c>
      <c r="G25" s="1" t="s">
        <v>117</v>
      </c>
      <c r="H25" s="1" t="s">
        <v>541</v>
      </c>
      <c r="I25" s="1" t="s">
        <v>626</v>
      </c>
      <c r="J25" s="1" t="s">
        <v>217</v>
      </c>
      <c r="K25" s="1" t="s">
        <v>339</v>
      </c>
      <c r="L25" s="1" t="s">
        <v>34</v>
      </c>
      <c r="N25" s="1" t="s">
        <v>35</v>
      </c>
      <c r="O25" s="1" t="s">
        <v>74</v>
      </c>
      <c r="P25" s="1" t="s">
        <v>56</v>
      </c>
      <c r="Q25" s="1" t="s">
        <v>144</v>
      </c>
      <c r="R25" s="1" t="s">
        <v>118</v>
      </c>
      <c r="S25" s="1" t="s">
        <v>39</v>
      </c>
      <c r="T25" s="1" t="s">
        <v>41</v>
      </c>
      <c r="U25" s="1">
        <v>11.9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9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7</v>
      </c>
      <c r="B26" s="2">
        <v>0.45833333333333331</v>
      </c>
      <c r="C26" s="1" t="s">
        <v>885</v>
      </c>
      <c r="D26" s="1" t="s">
        <v>68</v>
      </c>
      <c r="E26" s="1" t="s">
        <v>887</v>
      </c>
      <c r="F26" s="1" t="s">
        <v>555</v>
      </c>
      <c r="G26" s="1" t="s">
        <v>375</v>
      </c>
      <c r="H26" s="1" t="s">
        <v>212</v>
      </c>
      <c r="I26" s="1" t="s">
        <v>45</v>
      </c>
      <c r="J26" s="1" t="s">
        <v>271</v>
      </c>
      <c r="K26" s="1" t="s">
        <v>390</v>
      </c>
      <c r="L26" s="1" t="s">
        <v>34</v>
      </c>
      <c r="N26" s="1" t="s">
        <v>35</v>
      </c>
      <c r="O26" s="1" t="s">
        <v>74</v>
      </c>
      <c r="P26" s="1" t="s">
        <v>56</v>
      </c>
      <c r="Q26" s="1" t="s">
        <v>99</v>
      </c>
      <c r="R26" s="1" t="s">
        <v>152</v>
      </c>
      <c r="S26" s="1" t="s">
        <v>196</v>
      </c>
      <c r="T26" s="1" t="s">
        <v>538</v>
      </c>
      <c r="U26" s="1">
        <v>12</v>
      </c>
      <c r="V26" s="3">
        <v>130</v>
      </c>
      <c r="W26" s="1"/>
      <c r="X26" s="1">
        <v>0.8</v>
      </c>
      <c r="Y26" s="1">
        <v>0.01</v>
      </c>
      <c r="Z26" s="1">
        <v>1.6000000000000001E-3</v>
      </c>
      <c r="AA26" s="1"/>
      <c r="AB26" s="1"/>
      <c r="AC26" s="1"/>
      <c r="AD26" s="1" t="s">
        <v>924</v>
      </c>
      <c r="AE26" s="1" t="s">
        <v>925</v>
      </c>
      <c r="AF26" s="1"/>
      <c r="AG26" s="1" t="s">
        <v>927</v>
      </c>
      <c r="AH26" s="1" t="s">
        <v>925</v>
      </c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925</v>
      </c>
      <c r="AV26" s="1" t="s">
        <v>923</v>
      </c>
      <c r="AW26" s="1" t="s">
        <v>923</v>
      </c>
      <c r="AX26" s="1"/>
      <c r="AY26" s="1"/>
      <c r="AZ26" s="1"/>
      <c r="BA26" s="1"/>
      <c r="BB26" s="1" t="s">
        <v>924</v>
      </c>
      <c r="BC26" s="1">
        <v>0.57999999999999996</v>
      </c>
      <c r="BD26" s="1">
        <v>0.63</v>
      </c>
      <c r="BE26" s="1"/>
      <c r="BF26" s="1"/>
      <c r="BG26" s="1"/>
      <c r="BH26" s="1"/>
      <c r="BI26" s="1"/>
      <c r="BJ26" s="1"/>
      <c r="BK26" s="1" t="s">
        <v>925</v>
      </c>
      <c r="BL26" s="1" t="s">
        <v>931</v>
      </c>
      <c r="BM26" s="1"/>
      <c r="BN26" s="1"/>
      <c r="BO26" s="1">
        <v>11</v>
      </c>
      <c r="BP26" s="1">
        <v>2.5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93055555555555547</v>
      </c>
      <c r="C27" s="1" t="s">
        <v>885</v>
      </c>
      <c r="D27" s="1" t="s">
        <v>153</v>
      </c>
      <c r="E27" s="1" t="s">
        <v>887</v>
      </c>
      <c r="F27" s="1" t="s">
        <v>627</v>
      </c>
      <c r="G27" s="1" t="s">
        <v>375</v>
      </c>
      <c r="H27" s="1" t="s">
        <v>223</v>
      </c>
      <c r="I27" s="1" t="s">
        <v>287</v>
      </c>
      <c r="J27" s="1" t="s">
        <v>271</v>
      </c>
      <c r="K27" s="1" t="s">
        <v>348</v>
      </c>
      <c r="L27" s="1" t="s">
        <v>34</v>
      </c>
      <c r="N27" s="1" t="s">
        <v>35</v>
      </c>
      <c r="O27" s="1" t="s">
        <v>74</v>
      </c>
      <c r="P27" s="1" t="s">
        <v>56</v>
      </c>
      <c r="Q27" s="1" t="s">
        <v>57</v>
      </c>
      <c r="R27" s="1" t="s">
        <v>39</v>
      </c>
      <c r="S27" s="1" t="s">
        <v>416</v>
      </c>
      <c r="T27" s="1" t="s">
        <v>538</v>
      </c>
      <c r="U27" s="1">
        <v>11.5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1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</sheetData>
  <phoneticPr fontId="18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2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903</v>
      </c>
      <c r="C1" s="1" t="s">
        <v>1</v>
      </c>
      <c r="D1" s="1" t="s">
        <v>904</v>
      </c>
      <c r="E1" s="1" t="s">
        <v>2</v>
      </c>
      <c r="F1" s="1" t="s">
        <v>876</v>
      </c>
      <c r="G1" s="1" t="s">
        <v>3</v>
      </c>
      <c r="H1" s="1" t="s">
        <v>87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78</v>
      </c>
      <c r="V2" s="1" t="s">
        <v>827</v>
      </c>
      <c r="W2" s="1" t="s">
        <v>920</v>
      </c>
      <c r="X2" s="1" t="s">
        <v>828</v>
      </c>
      <c r="Y2" s="1" t="s">
        <v>829</v>
      </c>
      <c r="Z2" s="1" t="s">
        <v>830</v>
      </c>
      <c r="AA2" s="1" t="s">
        <v>953</v>
      </c>
      <c r="AB2" s="1" t="s">
        <v>967</v>
      </c>
      <c r="AC2" s="1" t="s">
        <v>831</v>
      </c>
      <c r="AD2" s="1" t="s">
        <v>832</v>
      </c>
      <c r="AE2" s="1" t="s">
        <v>921</v>
      </c>
      <c r="AF2" s="1" t="s">
        <v>833</v>
      </c>
      <c r="AG2" s="1" t="s">
        <v>834</v>
      </c>
      <c r="AH2" s="1" t="s">
        <v>835</v>
      </c>
      <c r="AI2" s="1" t="s">
        <v>836</v>
      </c>
      <c r="AJ2" s="1" t="s">
        <v>837</v>
      </c>
      <c r="AK2" s="1" t="s">
        <v>838</v>
      </c>
      <c r="AL2" s="1" t="s">
        <v>839</v>
      </c>
      <c r="AM2" s="1" t="s">
        <v>840</v>
      </c>
      <c r="AN2" s="1" t="s">
        <v>841</v>
      </c>
      <c r="AO2" s="1" t="s">
        <v>842</v>
      </c>
      <c r="AP2" t="s">
        <v>948</v>
      </c>
      <c r="AQ2" s="1" t="s">
        <v>843</v>
      </c>
      <c r="AR2" s="1" t="s">
        <v>844</v>
      </c>
      <c r="AS2" s="1" t="s">
        <v>845</v>
      </c>
      <c r="AT2" s="1" t="s">
        <v>933</v>
      </c>
      <c r="AU2" s="1" t="s">
        <v>846</v>
      </c>
      <c r="AV2" s="1" t="s">
        <v>847</v>
      </c>
      <c r="AW2" s="1" t="s">
        <v>848</v>
      </c>
      <c r="AX2" s="1" t="s">
        <v>849</v>
      </c>
      <c r="AY2" s="1" t="s">
        <v>850</v>
      </c>
      <c r="AZ2" s="1" t="s">
        <v>851</v>
      </c>
      <c r="BA2" s="1" t="s">
        <v>852</v>
      </c>
      <c r="BB2" s="1" t="s">
        <v>853</v>
      </c>
      <c r="BC2" s="1" t="s">
        <v>854</v>
      </c>
      <c r="BD2" s="1" t="s">
        <v>855</v>
      </c>
      <c r="BE2" s="1" t="s">
        <v>957</v>
      </c>
      <c r="BF2" s="1" t="s">
        <v>856</v>
      </c>
      <c r="BG2" s="1" t="s">
        <v>934</v>
      </c>
      <c r="BH2" s="1" t="s">
        <v>935</v>
      </c>
      <c r="BI2" s="1" t="s">
        <v>857</v>
      </c>
      <c r="BJ2" s="1" t="s">
        <v>858</v>
      </c>
      <c r="BK2" s="1" t="s">
        <v>859</v>
      </c>
      <c r="BL2" s="1" t="s">
        <v>860</v>
      </c>
      <c r="BM2" s="1" t="s">
        <v>861</v>
      </c>
      <c r="BN2" s="1" t="s">
        <v>862</v>
      </c>
      <c r="BO2" s="1" t="s">
        <v>863</v>
      </c>
      <c r="BP2" s="1" t="s">
        <v>864</v>
      </c>
      <c r="BQ2" s="1" t="s">
        <v>865</v>
      </c>
      <c r="BR2" s="1" t="s">
        <v>866</v>
      </c>
      <c r="BS2" s="1" t="s">
        <v>867</v>
      </c>
      <c r="BT2" s="1" t="s">
        <v>868</v>
      </c>
      <c r="BU2" s="1" t="s">
        <v>869</v>
      </c>
      <c r="BV2" s="1" t="s">
        <v>870</v>
      </c>
      <c r="BW2" s="1" t="s">
        <v>871</v>
      </c>
      <c r="BX2" s="1" t="s">
        <v>872</v>
      </c>
      <c r="BY2" s="1" t="s">
        <v>873</v>
      </c>
      <c r="BZ2" s="1" t="s">
        <v>942</v>
      </c>
    </row>
    <row r="3" spans="1:78" x14ac:dyDescent="0.15">
      <c r="A3" s="1" t="s">
        <v>879</v>
      </c>
      <c r="B3" s="1" t="s">
        <v>880</v>
      </c>
      <c r="C3" s="1"/>
      <c r="D3" s="1"/>
      <c r="E3" s="1"/>
      <c r="F3" s="1" t="s">
        <v>881</v>
      </c>
      <c r="G3" s="1" t="s">
        <v>881</v>
      </c>
      <c r="H3" s="1" t="s">
        <v>882</v>
      </c>
      <c r="I3" s="1" t="s">
        <v>24</v>
      </c>
      <c r="J3" s="1" t="s">
        <v>883</v>
      </c>
      <c r="K3" s="1" t="s">
        <v>883</v>
      </c>
      <c r="L3" s="1" t="s">
        <v>884</v>
      </c>
      <c r="M3" s="1" t="s">
        <v>88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92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943</v>
      </c>
      <c r="BP3" s="1" t="s">
        <v>25</v>
      </c>
      <c r="BQ3" s="1" t="s">
        <v>944</v>
      </c>
      <c r="BR3" s="1" t="s">
        <v>25</v>
      </c>
      <c r="BS3" s="1" t="s">
        <v>25</v>
      </c>
      <c r="BT3" s="1" t="s">
        <v>94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3819444444444446</v>
      </c>
      <c r="C4" s="1" t="s">
        <v>885</v>
      </c>
      <c r="D4" s="1" t="s">
        <v>27</v>
      </c>
      <c r="E4" s="1" t="s">
        <v>28</v>
      </c>
      <c r="F4" s="1" t="s">
        <v>155</v>
      </c>
      <c r="G4" s="1" t="s">
        <v>147</v>
      </c>
      <c r="H4" s="1" t="s">
        <v>628</v>
      </c>
      <c r="I4" s="1" t="s">
        <v>407</v>
      </c>
      <c r="J4" s="1" t="s">
        <v>628</v>
      </c>
      <c r="K4" s="1" t="s">
        <v>312</v>
      </c>
      <c r="L4" s="1" t="s">
        <v>34</v>
      </c>
      <c r="N4" s="1" t="s">
        <v>35</v>
      </c>
      <c r="O4" s="1" t="s">
        <v>36</v>
      </c>
      <c r="P4" s="1" t="s">
        <v>56</v>
      </c>
      <c r="Q4" s="1" t="s">
        <v>91</v>
      </c>
      <c r="R4" s="1" t="s">
        <v>152</v>
      </c>
      <c r="S4" s="1" t="s">
        <v>152</v>
      </c>
      <c r="T4" s="1" t="s">
        <v>538</v>
      </c>
      <c r="U4" s="1">
        <v>11.1</v>
      </c>
      <c r="V4" s="3">
        <v>230</v>
      </c>
      <c r="W4" s="1"/>
      <c r="X4" s="1">
        <v>2.2999999999999998</v>
      </c>
      <c r="Y4" s="1">
        <v>2.3E-2</v>
      </c>
      <c r="Z4" s="1">
        <v>1.6999999999999999E-3</v>
      </c>
      <c r="AA4" s="1"/>
      <c r="AB4" s="1"/>
      <c r="AC4" s="1" t="s">
        <v>923</v>
      </c>
      <c r="AD4" s="1" t="s">
        <v>924</v>
      </c>
      <c r="AE4" s="1" t="s">
        <v>925</v>
      </c>
      <c r="AF4" s="1" t="s">
        <v>926</v>
      </c>
      <c r="AG4" s="1" t="s">
        <v>927</v>
      </c>
      <c r="AH4" s="1" t="s">
        <v>925</v>
      </c>
      <c r="AI4" s="1"/>
      <c r="AJ4" s="1"/>
      <c r="AK4" s="1"/>
      <c r="AL4" s="1" t="s">
        <v>928</v>
      </c>
      <c r="AM4" s="1"/>
      <c r="AN4" s="1"/>
      <c r="AO4" s="1"/>
      <c r="AP4" t="s">
        <v>928</v>
      </c>
      <c r="AQ4" s="1"/>
      <c r="AR4" s="1" t="s">
        <v>928</v>
      </c>
      <c r="AS4" s="1" t="s">
        <v>928</v>
      </c>
      <c r="AT4" s="1"/>
      <c r="AU4" s="1"/>
      <c r="AV4" s="1"/>
      <c r="AW4" s="1"/>
      <c r="AX4" s="1"/>
      <c r="AY4" s="1"/>
      <c r="AZ4" s="1">
        <v>0.1</v>
      </c>
      <c r="BA4" s="1" t="s">
        <v>926</v>
      </c>
      <c r="BB4" s="1" t="s">
        <v>924</v>
      </c>
      <c r="BC4" s="1">
        <v>1.9</v>
      </c>
      <c r="BD4" s="1">
        <v>1.9</v>
      </c>
      <c r="BE4" s="1"/>
      <c r="BF4" s="1"/>
      <c r="BG4" s="1"/>
      <c r="BH4" s="1"/>
      <c r="BI4" s="1"/>
      <c r="BJ4" s="1"/>
      <c r="BK4" s="1"/>
      <c r="BL4" s="1"/>
      <c r="BM4" s="1" t="s">
        <v>945</v>
      </c>
      <c r="BN4" s="1">
        <v>0.02</v>
      </c>
      <c r="BO4" s="1">
        <v>23</v>
      </c>
      <c r="BP4" s="1">
        <v>12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3472222222222225</v>
      </c>
      <c r="C5" s="1" t="s">
        <v>885</v>
      </c>
      <c r="D5" s="1" t="s">
        <v>27</v>
      </c>
      <c r="E5" s="1" t="s">
        <v>28</v>
      </c>
      <c r="F5" s="1" t="s">
        <v>235</v>
      </c>
      <c r="G5" s="1" t="s">
        <v>455</v>
      </c>
      <c r="H5" s="1" t="s">
        <v>398</v>
      </c>
      <c r="I5" s="1" t="s">
        <v>254</v>
      </c>
      <c r="J5" s="1" t="s">
        <v>629</v>
      </c>
      <c r="K5" s="1" t="s">
        <v>552</v>
      </c>
      <c r="L5" s="1" t="s">
        <v>34</v>
      </c>
      <c r="N5" s="1" t="s">
        <v>35</v>
      </c>
      <c r="O5" s="1" t="s">
        <v>36</v>
      </c>
      <c r="P5" s="1" t="s">
        <v>56</v>
      </c>
      <c r="Q5" s="1" t="s">
        <v>38</v>
      </c>
      <c r="R5" s="1" t="s">
        <v>58</v>
      </c>
      <c r="S5" s="1" t="s">
        <v>416</v>
      </c>
      <c r="T5" s="1" t="s">
        <v>538</v>
      </c>
      <c r="U5" s="1">
        <v>10.4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7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9</v>
      </c>
      <c r="B6" s="2">
        <v>0.33333333333333331</v>
      </c>
      <c r="C6" s="1" t="s">
        <v>885</v>
      </c>
      <c r="D6" s="1" t="s">
        <v>27</v>
      </c>
      <c r="E6" s="1" t="s">
        <v>886</v>
      </c>
      <c r="F6" s="1" t="s">
        <v>388</v>
      </c>
      <c r="G6" s="1" t="s">
        <v>462</v>
      </c>
      <c r="H6" s="1" t="s">
        <v>628</v>
      </c>
      <c r="I6" s="1" t="s">
        <v>254</v>
      </c>
      <c r="J6" s="1" t="s">
        <v>630</v>
      </c>
      <c r="K6" s="1" t="s">
        <v>212</v>
      </c>
      <c r="L6" s="1" t="s">
        <v>34</v>
      </c>
      <c r="N6" s="1" t="s">
        <v>35</v>
      </c>
      <c r="O6" s="1" t="s">
        <v>74</v>
      </c>
      <c r="P6" s="1" t="s">
        <v>56</v>
      </c>
      <c r="Q6" s="1" t="s">
        <v>444</v>
      </c>
      <c r="R6" s="1" t="s">
        <v>547</v>
      </c>
      <c r="S6" s="1" t="s">
        <v>83</v>
      </c>
      <c r="T6" s="1" t="s">
        <v>59</v>
      </c>
      <c r="U6" s="1">
        <v>10.6</v>
      </c>
      <c r="V6" s="3">
        <v>3300</v>
      </c>
      <c r="W6" s="1"/>
      <c r="X6" s="1">
        <v>1.8</v>
      </c>
      <c r="Y6" s="1">
        <v>2.9000000000000001E-2</v>
      </c>
      <c r="Z6" s="1">
        <v>2.0999999999999999E-3</v>
      </c>
      <c r="AA6" s="1" t="s">
        <v>970</v>
      </c>
      <c r="AB6" s="1" t="s">
        <v>940</v>
      </c>
      <c r="AC6" s="1"/>
      <c r="AD6" s="1" t="s">
        <v>924</v>
      </c>
      <c r="AE6" s="1" t="s">
        <v>925</v>
      </c>
      <c r="AF6" s="1"/>
      <c r="AG6" s="1" t="s">
        <v>927</v>
      </c>
      <c r="AH6" s="1" t="s">
        <v>925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924</v>
      </c>
      <c r="BC6" s="1">
        <v>1.7</v>
      </c>
      <c r="BD6" s="1">
        <v>1.7</v>
      </c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9</v>
      </c>
      <c r="BP6" s="1">
        <v>11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3333333333333337</v>
      </c>
      <c r="C7" s="1" t="s">
        <v>885</v>
      </c>
      <c r="D7" s="1" t="s">
        <v>27</v>
      </c>
      <c r="E7" s="1" t="s">
        <v>886</v>
      </c>
      <c r="F7" s="1" t="s">
        <v>94</v>
      </c>
      <c r="G7" s="1" t="s">
        <v>631</v>
      </c>
      <c r="H7" s="1" t="s">
        <v>629</v>
      </c>
      <c r="I7" s="1" t="s">
        <v>629</v>
      </c>
      <c r="J7" s="1" t="s">
        <v>630</v>
      </c>
      <c r="K7" s="1" t="s">
        <v>418</v>
      </c>
      <c r="L7" s="1" t="s">
        <v>34</v>
      </c>
      <c r="N7" s="1" t="s">
        <v>35</v>
      </c>
      <c r="O7" s="1" t="s">
        <v>74</v>
      </c>
      <c r="P7" s="1" t="s">
        <v>56</v>
      </c>
      <c r="Q7" s="1" t="s">
        <v>99</v>
      </c>
      <c r="R7" s="1" t="s">
        <v>39</v>
      </c>
      <c r="S7" s="1" t="s">
        <v>196</v>
      </c>
      <c r="T7" s="1" t="s">
        <v>59</v>
      </c>
      <c r="U7" s="1">
        <v>9.6</v>
      </c>
      <c r="V7" s="1"/>
      <c r="W7" s="1"/>
      <c r="X7" s="1"/>
      <c r="Y7" s="1"/>
      <c r="Z7" s="1"/>
      <c r="AA7" s="1" t="s">
        <v>971</v>
      </c>
      <c r="AB7" s="1" t="s">
        <v>97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9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7</v>
      </c>
      <c r="B8" s="2">
        <v>0.33333333333333331</v>
      </c>
      <c r="C8" s="1" t="s">
        <v>885</v>
      </c>
      <c r="D8" s="1" t="s">
        <v>68</v>
      </c>
      <c r="E8" s="1" t="s">
        <v>887</v>
      </c>
      <c r="F8" s="1" t="s">
        <v>268</v>
      </c>
      <c r="G8" s="1" t="s">
        <v>605</v>
      </c>
      <c r="H8" s="1" t="s">
        <v>384</v>
      </c>
      <c r="I8" s="1" t="s">
        <v>242</v>
      </c>
      <c r="J8" s="1" t="s">
        <v>630</v>
      </c>
      <c r="K8" s="1" t="s">
        <v>418</v>
      </c>
      <c r="L8" s="1" t="s">
        <v>34</v>
      </c>
      <c r="N8" s="1" t="s">
        <v>35</v>
      </c>
      <c r="O8" s="1" t="s">
        <v>74</v>
      </c>
      <c r="P8" s="1" t="s">
        <v>56</v>
      </c>
      <c r="Q8" s="1" t="s">
        <v>38</v>
      </c>
      <c r="R8" s="1" t="s">
        <v>196</v>
      </c>
      <c r="S8" s="1" t="s">
        <v>40</v>
      </c>
      <c r="T8" s="1" t="s">
        <v>538</v>
      </c>
      <c r="U8" s="1">
        <v>9.3000000000000007</v>
      </c>
      <c r="V8" s="3">
        <v>790</v>
      </c>
      <c r="W8" s="1"/>
      <c r="X8" s="1">
        <v>1.8</v>
      </c>
      <c r="Y8" s="1">
        <v>3.7999999999999999E-2</v>
      </c>
      <c r="Z8" s="1">
        <v>6.6E-3</v>
      </c>
      <c r="AA8" s="1" t="s">
        <v>971</v>
      </c>
      <c r="AB8" s="1" t="s">
        <v>971</v>
      </c>
      <c r="AC8" s="1" t="s">
        <v>923</v>
      </c>
      <c r="AD8" s="1" t="s">
        <v>924</v>
      </c>
      <c r="AE8" s="1" t="s">
        <v>925</v>
      </c>
      <c r="AF8" s="1" t="s">
        <v>926</v>
      </c>
      <c r="AG8" s="1" t="s">
        <v>927</v>
      </c>
      <c r="AH8" s="1" t="s">
        <v>925</v>
      </c>
      <c r="AI8" s="1"/>
      <c r="AJ8" s="1"/>
      <c r="AK8" s="1"/>
      <c r="AL8" s="1" t="s">
        <v>928</v>
      </c>
      <c r="AM8" s="1"/>
      <c r="AN8" s="1"/>
      <c r="AO8" s="1"/>
      <c r="AP8" t="s">
        <v>928</v>
      </c>
      <c r="AQ8" s="1"/>
      <c r="AR8" s="1" t="s">
        <v>928</v>
      </c>
      <c r="AS8" s="1" t="s">
        <v>928</v>
      </c>
      <c r="AT8" s="1"/>
      <c r="AU8" s="1"/>
      <c r="AV8" s="1"/>
      <c r="AW8" s="1"/>
      <c r="AX8" s="1"/>
      <c r="AY8" s="1"/>
      <c r="AZ8" s="1" t="s">
        <v>936</v>
      </c>
      <c r="BA8" s="1" t="s">
        <v>926</v>
      </c>
      <c r="BB8" s="1" t="s">
        <v>924</v>
      </c>
      <c r="BC8" s="1">
        <v>1.5</v>
      </c>
      <c r="BD8" s="1">
        <v>1.5</v>
      </c>
      <c r="BE8" s="1"/>
      <c r="BF8" s="1"/>
      <c r="BG8" s="1"/>
      <c r="BH8" s="1"/>
      <c r="BI8" s="1"/>
      <c r="BJ8" s="1"/>
      <c r="BK8" s="1"/>
      <c r="BL8" s="1"/>
      <c r="BM8" s="1" t="s">
        <v>945</v>
      </c>
      <c r="BN8" s="1">
        <v>3.5000000000000003E-2</v>
      </c>
      <c r="BO8" s="1">
        <v>19</v>
      </c>
      <c r="BP8" s="1">
        <v>9.3000000000000007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3333333333333337</v>
      </c>
      <c r="C9" s="1" t="s">
        <v>885</v>
      </c>
      <c r="D9" s="1" t="s">
        <v>68</v>
      </c>
      <c r="E9" s="1" t="s">
        <v>887</v>
      </c>
      <c r="F9" s="1" t="s">
        <v>77</v>
      </c>
      <c r="G9" s="1" t="s">
        <v>257</v>
      </c>
      <c r="H9" s="1" t="s">
        <v>384</v>
      </c>
      <c r="I9" s="1" t="s">
        <v>237</v>
      </c>
      <c r="J9" s="1" t="s">
        <v>630</v>
      </c>
      <c r="K9" s="1" t="s">
        <v>212</v>
      </c>
      <c r="L9" s="1" t="s">
        <v>34</v>
      </c>
      <c r="N9" s="1" t="s">
        <v>35</v>
      </c>
      <c r="O9" s="1" t="s">
        <v>74</v>
      </c>
      <c r="P9" s="1" t="s">
        <v>56</v>
      </c>
      <c r="Q9" s="1" t="s">
        <v>99</v>
      </c>
      <c r="R9" s="1" t="s">
        <v>152</v>
      </c>
      <c r="S9" s="1" t="s">
        <v>82</v>
      </c>
      <c r="T9" s="1" t="s">
        <v>538</v>
      </c>
      <c r="U9" s="1">
        <v>9.1</v>
      </c>
      <c r="V9" s="1"/>
      <c r="W9" s="1"/>
      <c r="X9" s="1"/>
      <c r="Y9" s="1"/>
      <c r="Z9" s="1"/>
      <c r="AA9" s="1" t="s">
        <v>971</v>
      </c>
      <c r="AB9" s="1" t="s">
        <v>97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9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298611111111111</v>
      </c>
      <c r="C10" s="1" t="s">
        <v>885</v>
      </c>
      <c r="D10" s="1" t="s">
        <v>68</v>
      </c>
      <c r="E10" s="1" t="s">
        <v>28</v>
      </c>
      <c r="F10" s="1" t="s">
        <v>392</v>
      </c>
      <c r="G10" s="1" t="s">
        <v>279</v>
      </c>
      <c r="H10" s="1" t="s">
        <v>632</v>
      </c>
      <c r="I10" s="1" t="s">
        <v>418</v>
      </c>
      <c r="J10" s="1" t="s">
        <v>632</v>
      </c>
      <c r="K10" s="1" t="s">
        <v>294</v>
      </c>
      <c r="L10" s="1" t="s">
        <v>34</v>
      </c>
      <c r="N10" s="1" t="s">
        <v>35</v>
      </c>
      <c r="O10" s="1" t="s">
        <v>74</v>
      </c>
      <c r="P10" s="1" t="s">
        <v>56</v>
      </c>
      <c r="Q10" s="1" t="s">
        <v>188</v>
      </c>
      <c r="R10" s="1" t="s">
        <v>159</v>
      </c>
      <c r="S10" s="1" t="s">
        <v>244</v>
      </c>
      <c r="T10" s="1" t="s">
        <v>538</v>
      </c>
      <c r="U10" s="1">
        <v>9.3000000000000007</v>
      </c>
      <c r="V10" s="3">
        <v>4900</v>
      </c>
      <c r="W10" s="1"/>
      <c r="X10" s="1">
        <v>2</v>
      </c>
      <c r="Y10" s="1">
        <v>3.5000000000000003E-2</v>
      </c>
      <c r="Z10" s="1">
        <v>4.4000000000000003E-3</v>
      </c>
      <c r="AA10" s="1" t="s">
        <v>971</v>
      </c>
      <c r="AB10" s="1" t="s">
        <v>971</v>
      </c>
      <c r="AC10" s="1"/>
      <c r="AD10" s="1" t="s">
        <v>924</v>
      </c>
      <c r="AE10" s="1" t="s">
        <v>925</v>
      </c>
      <c r="AF10" s="1"/>
      <c r="AG10" s="1" t="s">
        <v>927</v>
      </c>
      <c r="AH10" s="1" t="s">
        <v>925</v>
      </c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925</v>
      </c>
      <c r="AV10" s="1" t="s">
        <v>923</v>
      </c>
      <c r="AW10" s="1" t="s">
        <v>923</v>
      </c>
      <c r="AX10" s="1"/>
      <c r="AY10" s="1"/>
      <c r="AZ10" s="1"/>
      <c r="BA10" s="1"/>
      <c r="BB10" s="1" t="s">
        <v>924</v>
      </c>
      <c r="BC10" s="1">
        <v>1.9</v>
      </c>
      <c r="BD10" s="1">
        <v>1.9</v>
      </c>
      <c r="BE10" s="1"/>
      <c r="BF10" s="1"/>
      <c r="BG10" s="1"/>
      <c r="BH10" s="1"/>
      <c r="BI10" s="1"/>
      <c r="BJ10" s="1"/>
      <c r="BK10" s="1" t="s">
        <v>925</v>
      </c>
      <c r="BL10" s="1" t="s">
        <v>931</v>
      </c>
      <c r="BM10" s="1"/>
      <c r="BN10" s="1"/>
      <c r="BO10" s="1">
        <v>22</v>
      </c>
      <c r="BP10" s="1">
        <v>14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2986111111111116</v>
      </c>
      <c r="C11" s="1" t="s">
        <v>885</v>
      </c>
      <c r="D11" s="1" t="s">
        <v>68</v>
      </c>
      <c r="E11" s="1" t="s">
        <v>28</v>
      </c>
      <c r="F11" s="1" t="s">
        <v>633</v>
      </c>
      <c r="G11" s="1" t="s">
        <v>449</v>
      </c>
      <c r="H11" s="1" t="s">
        <v>628</v>
      </c>
      <c r="I11" s="1" t="s">
        <v>552</v>
      </c>
      <c r="J11" s="1" t="s">
        <v>628</v>
      </c>
      <c r="K11" s="1" t="s">
        <v>306</v>
      </c>
      <c r="L11" s="1" t="s">
        <v>34</v>
      </c>
      <c r="N11" s="1" t="s">
        <v>35</v>
      </c>
      <c r="O11" s="1" t="s">
        <v>74</v>
      </c>
      <c r="P11" s="1" t="s">
        <v>56</v>
      </c>
      <c r="Q11" s="1" t="s">
        <v>38</v>
      </c>
      <c r="R11" s="1" t="s">
        <v>152</v>
      </c>
      <c r="S11" s="1" t="s">
        <v>83</v>
      </c>
      <c r="T11" s="1" t="s">
        <v>110</v>
      </c>
      <c r="U11" s="1">
        <v>9.1999999999999993</v>
      </c>
      <c r="V11" s="1"/>
      <c r="W11" s="1"/>
      <c r="X11" s="1"/>
      <c r="Y11" s="1"/>
      <c r="Z11" s="1"/>
      <c r="AA11" s="1" t="s">
        <v>971</v>
      </c>
      <c r="AB11" s="1" t="s">
        <v>97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3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544</v>
      </c>
      <c r="B12" s="2">
        <v>0.33680555555555558</v>
      </c>
      <c r="C12" s="1" t="s">
        <v>885</v>
      </c>
      <c r="D12" s="1" t="s">
        <v>27</v>
      </c>
      <c r="E12" s="1" t="s">
        <v>28</v>
      </c>
      <c r="F12" s="1" t="s">
        <v>634</v>
      </c>
      <c r="G12" s="1" t="s">
        <v>279</v>
      </c>
      <c r="H12" s="1" t="s">
        <v>418</v>
      </c>
      <c r="I12" s="1" t="s">
        <v>591</v>
      </c>
      <c r="J12" s="1" t="s">
        <v>630</v>
      </c>
      <c r="K12" s="1" t="s">
        <v>217</v>
      </c>
      <c r="L12" s="1" t="s">
        <v>34</v>
      </c>
      <c r="N12" s="1" t="s">
        <v>35</v>
      </c>
      <c r="O12" s="1" t="s">
        <v>74</v>
      </c>
      <c r="P12" s="1" t="s">
        <v>56</v>
      </c>
      <c r="Q12" s="1" t="s">
        <v>91</v>
      </c>
      <c r="R12" s="1" t="s">
        <v>404</v>
      </c>
      <c r="S12" s="1" t="s">
        <v>189</v>
      </c>
      <c r="T12" s="1" t="s">
        <v>538</v>
      </c>
      <c r="U12" s="1">
        <v>8.8000000000000007</v>
      </c>
      <c r="V12" s="3">
        <v>3300</v>
      </c>
      <c r="W12" s="1" t="s">
        <v>929</v>
      </c>
      <c r="X12" s="1">
        <v>1.9</v>
      </c>
      <c r="Y12" s="1">
        <v>3.3000000000000002E-2</v>
      </c>
      <c r="Z12" s="1">
        <v>1.8E-3</v>
      </c>
      <c r="AA12" s="1" t="s">
        <v>970</v>
      </c>
      <c r="AB12" s="1" t="s">
        <v>940</v>
      </c>
      <c r="AC12" s="1" t="s">
        <v>923</v>
      </c>
      <c r="AD12" s="1" t="s">
        <v>924</v>
      </c>
      <c r="AE12" s="1" t="s">
        <v>925</v>
      </c>
      <c r="AF12" s="1" t="s">
        <v>926</v>
      </c>
      <c r="AG12" s="1" t="s">
        <v>927</v>
      </c>
      <c r="AH12" s="1" t="s">
        <v>925</v>
      </c>
      <c r="AI12" s="1"/>
      <c r="AJ12" s="1" t="s">
        <v>925</v>
      </c>
      <c r="AK12" s="1" t="s">
        <v>928</v>
      </c>
      <c r="AL12" s="1" t="s">
        <v>928</v>
      </c>
      <c r="AM12" s="1" t="s">
        <v>928</v>
      </c>
      <c r="AN12" s="1" t="s">
        <v>928</v>
      </c>
      <c r="AO12" s="1" t="s">
        <v>928</v>
      </c>
      <c r="AP12" t="s">
        <v>928</v>
      </c>
      <c r="AQ12" s="1" t="s">
        <v>928</v>
      </c>
      <c r="AR12" s="1" t="s">
        <v>928</v>
      </c>
      <c r="AS12" s="1" t="s">
        <v>928</v>
      </c>
      <c r="AT12" s="1" t="s">
        <v>930</v>
      </c>
      <c r="AU12" s="1"/>
      <c r="AV12" s="1"/>
      <c r="AW12" s="1"/>
      <c r="AX12" s="1" t="s">
        <v>928</v>
      </c>
      <c r="AY12" s="1" t="s">
        <v>937</v>
      </c>
      <c r="AZ12" s="1" t="s">
        <v>936</v>
      </c>
      <c r="BA12" s="1" t="s">
        <v>926</v>
      </c>
      <c r="BB12" s="1" t="s">
        <v>924</v>
      </c>
      <c r="BC12" s="1">
        <v>1.6</v>
      </c>
      <c r="BD12" s="1">
        <v>1.6</v>
      </c>
      <c r="BE12" s="1" t="s">
        <v>927</v>
      </c>
      <c r="BF12" s="1" t="s">
        <v>927</v>
      </c>
      <c r="BG12" s="1">
        <v>1.1999999999999999E-3</v>
      </c>
      <c r="BH12" s="1" t="s">
        <v>926</v>
      </c>
      <c r="BI12" s="1" t="s">
        <v>924</v>
      </c>
      <c r="BJ12" s="1" t="s">
        <v>926</v>
      </c>
      <c r="BK12" s="1"/>
      <c r="BL12" s="1"/>
      <c r="BM12" s="1">
        <v>0.04</v>
      </c>
      <c r="BN12" s="1">
        <v>2.5999999999999999E-2</v>
      </c>
      <c r="BO12" s="1">
        <v>22</v>
      </c>
      <c r="BP12" s="1">
        <v>10</v>
      </c>
      <c r="BQ12" s="1"/>
      <c r="BR12" s="1" t="s">
        <v>946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354166666666667</v>
      </c>
      <c r="C13" s="1" t="s">
        <v>885</v>
      </c>
      <c r="D13" s="1" t="s">
        <v>27</v>
      </c>
      <c r="E13" s="1" t="s">
        <v>28</v>
      </c>
      <c r="F13" s="1" t="s">
        <v>635</v>
      </c>
      <c r="G13" s="1" t="s">
        <v>601</v>
      </c>
      <c r="H13" s="1" t="s">
        <v>552</v>
      </c>
      <c r="I13" s="1" t="s">
        <v>636</v>
      </c>
      <c r="J13" s="1" t="s">
        <v>630</v>
      </c>
      <c r="K13" s="1" t="s">
        <v>418</v>
      </c>
      <c r="L13" s="1" t="s">
        <v>34</v>
      </c>
      <c r="N13" s="1" t="s">
        <v>35</v>
      </c>
      <c r="O13" s="1" t="s">
        <v>74</v>
      </c>
      <c r="P13" s="1" t="s">
        <v>56</v>
      </c>
      <c r="Q13" s="1" t="s">
        <v>99</v>
      </c>
      <c r="R13" s="1" t="s">
        <v>109</v>
      </c>
      <c r="S13" s="1" t="s">
        <v>40</v>
      </c>
      <c r="T13" s="1" t="s">
        <v>538</v>
      </c>
      <c r="U13" s="1">
        <v>7.8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1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9</v>
      </c>
      <c r="B14" s="2">
        <v>0.33819444444444446</v>
      </c>
      <c r="C14" s="1" t="s">
        <v>885</v>
      </c>
      <c r="D14" s="1" t="s">
        <v>27</v>
      </c>
      <c r="E14" s="1" t="s">
        <v>887</v>
      </c>
      <c r="F14" s="1" t="s">
        <v>452</v>
      </c>
      <c r="G14" s="1" t="s">
        <v>121</v>
      </c>
      <c r="H14" s="1" t="s">
        <v>271</v>
      </c>
      <c r="I14" s="1" t="s">
        <v>394</v>
      </c>
      <c r="J14" s="1" t="s">
        <v>628</v>
      </c>
      <c r="K14" s="1" t="s">
        <v>237</v>
      </c>
      <c r="L14" s="1" t="s">
        <v>34</v>
      </c>
      <c r="N14" s="1" t="s">
        <v>35</v>
      </c>
      <c r="O14" s="1" t="s">
        <v>74</v>
      </c>
      <c r="P14" s="1" t="s">
        <v>56</v>
      </c>
      <c r="Q14" s="1" t="s">
        <v>91</v>
      </c>
      <c r="R14" s="1" t="s">
        <v>547</v>
      </c>
      <c r="S14" s="1" t="s">
        <v>160</v>
      </c>
      <c r="T14" s="1" t="s">
        <v>538</v>
      </c>
      <c r="U14" s="1">
        <v>8.4</v>
      </c>
      <c r="V14" s="3">
        <v>130</v>
      </c>
      <c r="W14" s="1"/>
      <c r="X14" s="1">
        <v>1.9</v>
      </c>
      <c r="Y14" s="1">
        <v>2.8000000000000001E-2</v>
      </c>
      <c r="Z14" s="1">
        <v>1.1999999999999999E-3</v>
      </c>
      <c r="AA14" s="1"/>
      <c r="AB14" s="1"/>
      <c r="AC14" s="1"/>
      <c r="AD14" s="1" t="s">
        <v>924</v>
      </c>
      <c r="AE14" s="1" t="s">
        <v>925</v>
      </c>
      <c r="AF14" s="1"/>
      <c r="AG14" s="1" t="s">
        <v>927</v>
      </c>
      <c r="AH14" s="1" t="s">
        <v>925</v>
      </c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924</v>
      </c>
      <c r="BC14" s="1">
        <v>1.8</v>
      </c>
      <c r="BD14" s="1">
        <v>1.8</v>
      </c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8</v>
      </c>
      <c r="BP14" s="1">
        <v>8.3000000000000007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2986111111111116</v>
      </c>
      <c r="C15" s="1" t="s">
        <v>885</v>
      </c>
      <c r="D15" s="1" t="s">
        <v>27</v>
      </c>
      <c r="E15" s="1" t="s">
        <v>887</v>
      </c>
      <c r="F15" s="1" t="s">
        <v>491</v>
      </c>
      <c r="G15" s="1" t="s">
        <v>121</v>
      </c>
      <c r="H15" s="1" t="s">
        <v>254</v>
      </c>
      <c r="I15" s="1" t="s">
        <v>542</v>
      </c>
      <c r="J15" s="1" t="s">
        <v>632</v>
      </c>
      <c r="K15" s="1" t="s">
        <v>229</v>
      </c>
      <c r="L15" s="1" t="s">
        <v>34</v>
      </c>
      <c r="N15" s="1" t="s">
        <v>35</v>
      </c>
      <c r="O15" s="1" t="s">
        <v>74</v>
      </c>
      <c r="P15" s="1" t="s">
        <v>56</v>
      </c>
      <c r="Q15" s="1" t="s">
        <v>57</v>
      </c>
      <c r="R15" s="1" t="s">
        <v>177</v>
      </c>
      <c r="S15" s="1" t="s">
        <v>82</v>
      </c>
      <c r="T15" s="1" t="s">
        <v>538</v>
      </c>
      <c r="U15" s="1">
        <v>6.9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9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3</v>
      </c>
      <c r="B16" s="2">
        <v>0.34583333333333338</v>
      </c>
      <c r="C16" s="1" t="s">
        <v>885</v>
      </c>
      <c r="D16" s="1" t="s">
        <v>27</v>
      </c>
      <c r="E16" s="1" t="s">
        <v>28</v>
      </c>
      <c r="F16" s="1" t="s">
        <v>240</v>
      </c>
      <c r="G16" s="1" t="s">
        <v>327</v>
      </c>
      <c r="H16" s="1" t="s">
        <v>394</v>
      </c>
      <c r="I16" s="1" t="s">
        <v>637</v>
      </c>
      <c r="J16" s="1" t="s">
        <v>398</v>
      </c>
      <c r="K16" s="1" t="s">
        <v>403</v>
      </c>
      <c r="L16" s="1" t="s">
        <v>34</v>
      </c>
      <c r="N16" s="1" t="s">
        <v>35</v>
      </c>
      <c r="O16" s="1" t="s">
        <v>74</v>
      </c>
      <c r="P16" s="1" t="s">
        <v>56</v>
      </c>
      <c r="Q16" s="1" t="s">
        <v>91</v>
      </c>
      <c r="R16" s="1" t="s">
        <v>404</v>
      </c>
      <c r="S16" s="1" t="s">
        <v>132</v>
      </c>
      <c r="T16" s="1" t="s">
        <v>538</v>
      </c>
      <c r="U16" s="1">
        <v>10.6</v>
      </c>
      <c r="V16" s="3">
        <v>490</v>
      </c>
      <c r="W16" s="1"/>
      <c r="X16" s="1">
        <v>2.2999999999999998</v>
      </c>
      <c r="Y16" s="1">
        <v>2.8000000000000001E-2</v>
      </c>
      <c r="Z16" s="1">
        <v>2.0999999999999999E-3</v>
      </c>
      <c r="AA16" s="1"/>
      <c r="AB16" s="1"/>
      <c r="AC16" s="1" t="s">
        <v>923</v>
      </c>
      <c r="AD16" s="1" t="s">
        <v>924</v>
      </c>
      <c r="AE16" s="1" t="s">
        <v>925</v>
      </c>
      <c r="AF16" s="1" t="s">
        <v>926</v>
      </c>
      <c r="AG16" s="1" t="s">
        <v>927</v>
      </c>
      <c r="AH16" s="1" t="s">
        <v>925</v>
      </c>
      <c r="AI16" s="1"/>
      <c r="AJ16" s="1"/>
      <c r="AK16" s="1"/>
      <c r="AL16" s="1" t="s">
        <v>928</v>
      </c>
      <c r="AM16" s="1"/>
      <c r="AN16" s="1"/>
      <c r="AO16" s="1"/>
      <c r="AP16" t="s">
        <v>928</v>
      </c>
      <c r="AQ16" s="1"/>
      <c r="AR16" s="1" t="s">
        <v>928</v>
      </c>
      <c r="AS16" s="1" t="s">
        <v>928</v>
      </c>
      <c r="AT16" s="1"/>
      <c r="AU16" s="1"/>
      <c r="AV16" s="1"/>
      <c r="AW16" s="1"/>
      <c r="AX16" s="1"/>
      <c r="AY16" s="1"/>
      <c r="AZ16" s="1" t="s">
        <v>936</v>
      </c>
      <c r="BA16" s="1" t="s">
        <v>926</v>
      </c>
      <c r="BB16" s="1" t="s">
        <v>924</v>
      </c>
      <c r="BC16" s="1">
        <v>2.1</v>
      </c>
      <c r="BD16" s="1">
        <v>2.1</v>
      </c>
      <c r="BE16" s="1"/>
      <c r="BF16" s="1"/>
      <c r="BG16" s="1"/>
      <c r="BH16" s="1"/>
      <c r="BI16" s="1"/>
      <c r="BJ16" s="1"/>
      <c r="BK16" s="1"/>
      <c r="BL16" s="1"/>
      <c r="BM16" s="1" t="s">
        <v>945</v>
      </c>
      <c r="BN16" s="1">
        <v>1.9E-2</v>
      </c>
      <c r="BO16" s="1">
        <v>18</v>
      </c>
      <c r="BP16" s="1">
        <v>5.7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2986111111111116</v>
      </c>
      <c r="C17" s="1" t="s">
        <v>885</v>
      </c>
      <c r="D17" s="1" t="s">
        <v>27</v>
      </c>
      <c r="E17" s="1" t="s">
        <v>28</v>
      </c>
      <c r="F17" s="1" t="s">
        <v>139</v>
      </c>
      <c r="G17" s="1" t="s">
        <v>516</v>
      </c>
      <c r="H17" s="1" t="s">
        <v>542</v>
      </c>
      <c r="I17" s="1" t="s">
        <v>638</v>
      </c>
      <c r="J17" s="1" t="s">
        <v>628</v>
      </c>
      <c r="K17" s="1" t="s">
        <v>306</v>
      </c>
      <c r="L17" s="1" t="s">
        <v>34</v>
      </c>
      <c r="N17" s="1" t="s">
        <v>35</v>
      </c>
      <c r="O17" s="1" t="s">
        <v>74</v>
      </c>
      <c r="P17" s="1" t="s">
        <v>56</v>
      </c>
      <c r="Q17" s="1" t="s">
        <v>38</v>
      </c>
      <c r="R17" s="1" t="s">
        <v>39</v>
      </c>
      <c r="S17" s="1" t="s">
        <v>82</v>
      </c>
      <c r="T17" s="1" t="s">
        <v>538</v>
      </c>
      <c r="U17" s="1">
        <v>9.6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8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6</v>
      </c>
      <c r="B18" s="2">
        <v>0.36458333333333331</v>
      </c>
      <c r="C18" s="1" t="s">
        <v>885</v>
      </c>
      <c r="D18" s="1" t="s">
        <v>68</v>
      </c>
      <c r="E18" s="1" t="s">
        <v>28</v>
      </c>
      <c r="F18" s="1" t="s">
        <v>639</v>
      </c>
      <c r="G18" s="1" t="s">
        <v>553</v>
      </c>
      <c r="H18" s="1" t="s">
        <v>294</v>
      </c>
      <c r="I18" s="1" t="s">
        <v>292</v>
      </c>
      <c r="J18" s="1" t="s">
        <v>630</v>
      </c>
      <c r="K18" s="1" t="s">
        <v>223</v>
      </c>
      <c r="L18" s="1" t="s">
        <v>34</v>
      </c>
      <c r="N18" s="1" t="s">
        <v>35</v>
      </c>
      <c r="O18" s="1" t="s">
        <v>74</v>
      </c>
      <c r="P18" s="1" t="s">
        <v>56</v>
      </c>
      <c r="Q18" s="1" t="s">
        <v>188</v>
      </c>
      <c r="R18" s="1" t="s">
        <v>159</v>
      </c>
      <c r="S18" s="1" t="s">
        <v>416</v>
      </c>
      <c r="T18" s="1" t="s">
        <v>538</v>
      </c>
      <c r="U18" s="1">
        <v>10.9</v>
      </c>
      <c r="V18" s="3">
        <v>790</v>
      </c>
      <c r="W18" s="1"/>
      <c r="X18" s="1">
        <v>2.4</v>
      </c>
      <c r="Y18" s="1">
        <v>2.5999999999999999E-2</v>
      </c>
      <c r="Z18" s="1">
        <v>3.0000000000000001E-3</v>
      </c>
      <c r="AA18" s="1" t="s">
        <v>970</v>
      </c>
      <c r="AB18" s="1" t="s">
        <v>940</v>
      </c>
      <c r="AC18" s="1"/>
      <c r="AD18" s="1" t="s">
        <v>924</v>
      </c>
      <c r="AE18" s="1" t="s">
        <v>925</v>
      </c>
      <c r="AF18" s="1"/>
      <c r="AG18" s="1" t="s">
        <v>927</v>
      </c>
      <c r="AH18" s="1" t="s">
        <v>925</v>
      </c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924</v>
      </c>
      <c r="BC18" s="1">
        <v>2.4</v>
      </c>
      <c r="BD18" s="1">
        <v>2.4</v>
      </c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8</v>
      </c>
      <c r="BP18" s="1">
        <v>6.1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5625000000000007</v>
      </c>
      <c r="C19" s="1" t="s">
        <v>885</v>
      </c>
      <c r="D19" s="1" t="s">
        <v>153</v>
      </c>
      <c r="E19" s="1" t="s">
        <v>28</v>
      </c>
      <c r="F19" s="1" t="s">
        <v>640</v>
      </c>
      <c r="G19" s="1" t="s">
        <v>43</v>
      </c>
      <c r="H19" s="1" t="s">
        <v>294</v>
      </c>
      <c r="I19" s="1" t="s">
        <v>113</v>
      </c>
      <c r="J19" s="1" t="s">
        <v>630</v>
      </c>
      <c r="K19" s="1" t="s">
        <v>212</v>
      </c>
      <c r="L19" s="1" t="s">
        <v>34</v>
      </c>
      <c r="N19" s="1" t="s">
        <v>35</v>
      </c>
      <c r="O19" s="1" t="s">
        <v>74</v>
      </c>
      <c r="P19" s="1" t="s">
        <v>56</v>
      </c>
      <c r="Q19" s="1" t="s">
        <v>99</v>
      </c>
      <c r="R19" s="1" t="s">
        <v>47</v>
      </c>
      <c r="S19" s="1" t="s">
        <v>58</v>
      </c>
      <c r="T19" s="1" t="s">
        <v>538</v>
      </c>
      <c r="U19" s="1">
        <v>9.8000000000000007</v>
      </c>
      <c r="V19" s="1"/>
      <c r="W19" s="1"/>
      <c r="X19" s="1"/>
      <c r="Y19" s="1"/>
      <c r="Z19" s="1"/>
      <c r="AA19" s="1" t="s">
        <v>971</v>
      </c>
      <c r="AB19" s="1" t="s">
        <v>97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9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1</v>
      </c>
      <c r="B20" s="2">
        <v>0.3611111111111111</v>
      </c>
      <c r="C20" s="1" t="s">
        <v>885</v>
      </c>
      <c r="D20" s="1" t="s">
        <v>68</v>
      </c>
      <c r="E20" s="1" t="s">
        <v>887</v>
      </c>
      <c r="F20" s="1" t="s">
        <v>417</v>
      </c>
      <c r="G20" s="1" t="s">
        <v>209</v>
      </c>
      <c r="H20" s="1" t="s">
        <v>237</v>
      </c>
      <c r="I20" s="1" t="s">
        <v>641</v>
      </c>
      <c r="J20" s="1" t="s">
        <v>629</v>
      </c>
      <c r="K20" s="1" t="s">
        <v>407</v>
      </c>
      <c r="L20" s="1" t="s">
        <v>34</v>
      </c>
      <c r="N20" s="1" t="s">
        <v>35</v>
      </c>
      <c r="O20" s="1" t="s">
        <v>74</v>
      </c>
      <c r="P20" s="1" t="s">
        <v>56</v>
      </c>
      <c r="Q20" s="1" t="s">
        <v>38</v>
      </c>
      <c r="R20" s="1" t="s">
        <v>39</v>
      </c>
      <c r="S20" s="1" t="s">
        <v>244</v>
      </c>
      <c r="T20" s="1" t="s">
        <v>538</v>
      </c>
      <c r="U20" s="1">
        <v>10.9</v>
      </c>
      <c r="V20" s="3">
        <v>330</v>
      </c>
      <c r="W20" s="1"/>
      <c r="X20" s="1">
        <v>2.7</v>
      </c>
      <c r="Y20" s="1">
        <v>3.1E-2</v>
      </c>
      <c r="Z20" s="1">
        <v>1.6000000000000001E-3</v>
      </c>
      <c r="AA20" s="1" t="s">
        <v>971</v>
      </c>
      <c r="AB20" s="1" t="s">
        <v>971</v>
      </c>
      <c r="AC20" s="1" t="s">
        <v>923</v>
      </c>
      <c r="AD20" s="1" t="s">
        <v>924</v>
      </c>
      <c r="AE20" s="1" t="s">
        <v>925</v>
      </c>
      <c r="AF20" s="1" t="s">
        <v>926</v>
      </c>
      <c r="AG20" s="1" t="s">
        <v>927</v>
      </c>
      <c r="AH20" s="1" t="s">
        <v>925</v>
      </c>
      <c r="AI20" s="1"/>
      <c r="AJ20" s="1"/>
      <c r="AK20" s="1"/>
      <c r="AL20" s="1" t="s">
        <v>928</v>
      </c>
      <c r="AM20" s="1"/>
      <c r="AN20" s="1"/>
      <c r="AO20" s="1"/>
      <c r="AP20" t="s">
        <v>928</v>
      </c>
      <c r="AQ20" s="1"/>
      <c r="AR20" s="1" t="s">
        <v>928</v>
      </c>
      <c r="AS20" s="1" t="s">
        <v>928</v>
      </c>
      <c r="AT20" s="1"/>
      <c r="AU20" s="1"/>
      <c r="AV20" s="1"/>
      <c r="AW20" s="1"/>
      <c r="AX20" s="1"/>
      <c r="AY20" s="1"/>
      <c r="AZ20" s="1" t="s">
        <v>936</v>
      </c>
      <c r="BA20" s="1" t="s">
        <v>926</v>
      </c>
      <c r="BB20" s="1" t="s">
        <v>924</v>
      </c>
      <c r="BC20" s="1">
        <v>2.6</v>
      </c>
      <c r="BD20" s="1">
        <v>2.6</v>
      </c>
      <c r="BE20" s="1"/>
      <c r="BF20" s="1"/>
      <c r="BG20" s="1"/>
      <c r="BH20" s="1"/>
      <c r="BI20" s="1"/>
      <c r="BJ20" s="1"/>
      <c r="BK20" s="1"/>
      <c r="BL20" s="1"/>
      <c r="BM20" s="1" t="s">
        <v>945</v>
      </c>
      <c r="BN20" s="1">
        <v>2.1999999999999999E-2</v>
      </c>
      <c r="BO20" s="1">
        <v>19</v>
      </c>
      <c r="BP20" s="1">
        <v>6.2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5486111111111107</v>
      </c>
      <c r="C21" s="1" t="s">
        <v>885</v>
      </c>
      <c r="D21" s="1" t="s">
        <v>68</v>
      </c>
      <c r="E21" s="1" t="s">
        <v>887</v>
      </c>
      <c r="F21" s="1" t="s">
        <v>555</v>
      </c>
      <c r="G21" s="1" t="s">
        <v>417</v>
      </c>
      <c r="H21" s="1" t="s">
        <v>300</v>
      </c>
      <c r="I21" s="1" t="s">
        <v>45</v>
      </c>
      <c r="J21" s="1" t="s">
        <v>630</v>
      </c>
      <c r="K21" s="1" t="s">
        <v>217</v>
      </c>
      <c r="L21" s="1" t="s">
        <v>34</v>
      </c>
      <c r="N21" s="1" t="s">
        <v>35</v>
      </c>
      <c r="O21" s="1" t="s">
        <v>74</v>
      </c>
      <c r="P21" s="1" t="s">
        <v>56</v>
      </c>
      <c r="Q21" s="1" t="s">
        <v>99</v>
      </c>
      <c r="R21" s="1" t="s">
        <v>152</v>
      </c>
      <c r="S21" s="1" t="s">
        <v>82</v>
      </c>
      <c r="T21" s="1" t="s">
        <v>538</v>
      </c>
      <c r="U21" s="1">
        <v>9.8000000000000007</v>
      </c>
      <c r="V21" s="1"/>
      <c r="W21" s="1"/>
      <c r="X21" s="1"/>
      <c r="Y21" s="1"/>
      <c r="Z21" s="1"/>
      <c r="AA21" s="1" t="s">
        <v>971</v>
      </c>
      <c r="AB21" s="1" t="s">
        <v>97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9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1</v>
      </c>
      <c r="B22" s="2">
        <v>0.36249999999999999</v>
      </c>
      <c r="C22" s="1" t="s">
        <v>885</v>
      </c>
      <c r="D22" s="1" t="s">
        <v>27</v>
      </c>
      <c r="E22" s="1" t="s">
        <v>28</v>
      </c>
      <c r="F22" s="1" t="s">
        <v>642</v>
      </c>
      <c r="G22" s="1" t="s">
        <v>643</v>
      </c>
      <c r="H22" s="1" t="s">
        <v>254</v>
      </c>
      <c r="I22" s="1" t="s">
        <v>539</v>
      </c>
      <c r="J22" s="1" t="s">
        <v>628</v>
      </c>
      <c r="K22" s="1" t="s">
        <v>242</v>
      </c>
      <c r="L22" s="1" t="s">
        <v>34</v>
      </c>
      <c r="N22" s="1" t="s">
        <v>35</v>
      </c>
      <c r="O22" s="1" t="s">
        <v>74</v>
      </c>
      <c r="P22" s="1" t="s">
        <v>56</v>
      </c>
      <c r="Q22" s="1" t="s">
        <v>91</v>
      </c>
      <c r="R22" s="1" t="s">
        <v>177</v>
      </c>
      <c r="S22" s="1" t="s">
        <v>152</v>
      </c>
      <c r="T22" s="1" t="s">
        <v>538</v>
      </c>
      <c r="U22" s="1">
        <v>13.4</v>
      </c>
      <c r="V22" s="3">
        <v>330</v>
      </c>
      <c r="W22" s="1"/>
      <c r="X22" s="1">
        <v>2.6</v>
      </c>
      <c r="Y22" s="1">
        <v>2.4E-2</v>
      </c>
      <c r="Z22" s="1">
        <v>1.8E-3</v>
      </c>
      <c r="AA22" s="1" t="s">
        <v>971</v>
      </c>
      <c r="AB22" s="1" t="s">
        <v>971</v>
      </c>
      <c r="AC22" s="1"/>
      <c r="AD22" s="1" t="s">
        <v>924</v>
      </c>
      <c r="AE22" s="1" t="s">
        <v>925</v>
      </c>
      <c r="AF22" s="1"/>
      <c r="AG22" s="1" t="s">
        <v>927</v>
      </c>
      <c r="AH22" s="1" t="s">
        <v>925</v>
      </c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924</v>
      </c>
      <c r="BC22" s="1">
        <v>2.6</v>
      </c>
      <c r="BD22" s="1">
        <v>2.6</v>
      </c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9</v>
      </c>
      <c r="BP22" s="1">
        <v>8.5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4027777777777779</v>
      </c>
      <c r="C23" s="1" t="s">
        <v>885</v>
      </c>
      <c r="D23" s="1" t="s">
        <v>27</v>
      </c>
      <c r="E23" s="1" t="s">
        <v>28</v>
      </c>
      <c r="F23" s="1" t="s">
        <v>132</v>
      </c>
      <c r="G23" s="1" t="s">
        <v>501</v>
      </c>
      <c r="H23" s="1" t="s">
        <v>418</v>
      </c>
      <c r="I23" s="1" t="s">
        <v>537</v>
      </c>
      <c r="J23" s="1" t="s">
        <v>630</v>
      </c>
      <c r="K23" s="1" t="s">
        <v>223</v>
      </c>
      <c r="L23" s="1" t="s">
        <v>34</v>
      </c>
      <c r="N23" s="1" t="s">
        <v>35</v>
      </c>
      <c r="O23" s="1" t="s">
        <v>74</v>
      </c>
      <c r="P23" s="1" t="s">
        <v>56</v>
      </c>
      <c r="Q23" s="1" t="s">
        <v>38</v>
      </c>
      <c r="R23" s="1" t="s">
        <v>404</v>
      </c>
      <c r="S23" s="1" t="s">
        <v>82</v>
      </c>
      <c r="T23" s="1" t="s">
        <v>538</v>
      </c>
      <c r="U23" s="1">
        <v>11.9</v>
      </c>
      <c r="V23" s="1"/>
      <c r="W23" s="1"/>
      <c r="X23" s="1"/>
      <c r="Y23" s="1"/>
      <c r="Z23" s="1"/>
      <c r="AA23" s="1" t="s">
        <v>971</v>
      </c>
      <c r="AB23" s="1" t="s">
        <v>971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9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2</v>
      </c>
      <c r="B24" s="2">
        <v>0.33680555555555558</v>
      </c>
      <c r="C24" s="1" t="s">
        <v>885</v>
      </c>
      <c r="D24" s="1" t="s">
        <v>27</v>
      </c>
      <c r="E24" s="1" t="s">
        <v>887</v>
      </c>
      <c r="F24" s="1" t="s">
        <v>444</v>
      </c>
      <c r="G24" s="1" t="s">
        <v>375</v>
      </c>
      <c r="H24" s="1" t="s">
        <v>418</v>
      </c>
      <c r="I24" s="1" t="s">
        <v>385</v>
      </c>
      <c r="J24" s="1" t="s">
        <v>552</v>
      </c>
      <c r="K24" s="1" t="s">
        <v>539</v>
      </c>
      <c r="L24" s="1" t="s">
        <v>34</v>
      </c>
      <c r="N24" s="1" t="s">
        <v>35</v>
      </c>
      <c r="O24" s="1" t="s">
        <v>74</v>
      </c>
      <c r="P24" s="1" t="s">
        <v>56</v>
      </c>
      <c r="Q24" s="1" t="s">
        <v>91</v>
      </c>
      <c r="R24" s="1" t="s">
        <v>118</v>
      </c>
      <c r="S24" s="1" t="s">
        <v>189</v>
      </c>
      <c r="T24" s="1" t="s">
        <v>538</v>
      </c>
      <c r="U24" s="1">
        <v>12</v>
      </c>
      <c r="V24" s="3">
        <v>490</v>
      </c>
      <c r="W24" s="1" t="s">
        <v>929</v>
      </c>
      <c r="X24" s="1">
        <v>2.8</v>
      </c>
      <c r="Y24" s="1">
        <v>3.6999999999999998E-2</v>
      </c>
      <c r="Z24" s="1">
        <v>3.2000000000000002E-3</v>
      </c>
      <c r="AA24" s="1" t="s">
        <v>970</v>
      </c>
      <c r="AB24" s="1" t="s">
        <v>979</v>
      </c>
      <c r="AC24" s="1" t="s">
        <v>923</v>
      </c>
      <c r="AD24" s="1" t="s">
        <v>924</v>
      </c>
      <c r="AE24" s="1" t="s">
        <v>925</v>
      </c>
      <c r="AF24" s="1" t="s">
        <v>926</v>
      </c>
      <c r="AG24" s="1" t="s">
        <v>927</v>
      </c>
      <c r="AH24" s="1" t="s">
        <v>925</v>
      </c>
      <c r="AI24" s="1"/>
      <c r="AJ24" s="1" t="s">
        <v>925</v>
      </c>
      <c r="AK24" s="1" t="s">
        <v>928</v>
      </c>
      <c r="AL24" s="1" t="s">
        <v>928</v>
      </c>
      <c r="AM24" s="1" t="s">
        <v>928</v>
      </c>
      <c r="AN24" s="1" t="s">
        <v>928</v>
      </c>
      <c r="AO24" s="1" t="s">
        <v>928</v>
      </c>
      <c r="AP24" t="s">
        <v>928</v>
      </c>
      <c r="AQ24" s="1" t="s">
        <v>928</v>
      </c>
      <c r="AR24" s="1" t="s">
        <v>928</v>
      </c>
      <c r="AS24" s="1" t="s">
        <v>928</v>
      </c>
      <c r="AT24" s="1" t="s">
        <v>930</v>
      </c>
      <c r="AU24" s="1"/>
      <c r="AV24" s="1"/>
      <c r="AW24" s="1"/>
      <c r="AX24" s="1" t="s">
        <v>928</v>
      </c>
      <c r="AY24" s="1" t="s">
        <v>937</v>
      </c>
      <c r="AZ24" s="1" t="s">
        <v>936</v>
      </c>
      <c r="BA24" s="1" t="s">
        <v>926</v>
      </c>
      <c r="BB24" s="1" t="s">
        <v>924</v>
      </c>
      <c r="BC24" s="1">
        <v>2.6</v>
      </c>
      <c r="BD24" s="1">
        <v>2.6</v>
      </c>
      <c r="BE24" s="1" t="s">
        <v>927</v>
      </c>
      <c r="BF24" s="1" t="s">
        <v>927</v>
      </c>
      <c r="BG24" s="1">
        <v>1.1999999999999999E-3</v>
      </c>
      <c r="BH24" s="1" t="s">
        <v>926</v>
      </c>
      <c r="BI24" s="1" t="s">
        <v>924</v>
      </c>
      <c r="BJ24" s="1" t="s">
        <v>926</v>
      </c>
      <c r="BK24" s="1"/>
      <c r="BL24" s="1"/>
      <c r="BM24" s="1" t="s">
        <v>945</v>
      </c>
      <c r="BN24" s="1">
        <v>3.2000000000000001E-2</v>
      </c>
      <c r="BO24" s="1">
        <v>22</v>
      </c>
      <c r="BP24" s="1">
        <v>12</v>
      </c>
      <c r="BQ24" s="1"/>
      <c r="BR24" s="1" t="s">
        <v>946</v>
      </c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2986111111111116</v>
      </c>
      <c r="C25" s="1" t="s">
        <v>885</v>
      </c>
      <c r="D25" s="1" t="s">
        <v>68</v>
      </c>
      <c r="E25" s="1" t="s">
        <v>887</v>
      </c>
      <c r="F25" s="1" t="s">
        <v>375</v>
      </c>
      <c r="G25" s="1" t="s">
        <v>644</v>
      </c>
      <c r="H25" s="1" t="s">
        <v>254</v>
      </c>
      <c r="I25" s="1" t="s">
        <v>591</v>
      </c>
      <c r="J25" s="1" t="s">
        <v>552</v>
      </c>
      <c r="K25" s="1" t="s">
        <v>556</v>
      </c>
      <c r="L25" s="1" t="s">
        <v>34</v>
      </c>
      <c r="N25" s="1" t="s">
        <v>35</v>
      </c>
      <c r="O25" s="1" t="s">
        <v>74</v>
      </c>
      <c r="P25" s="1" t="s">
        <v>56</v>
      </c>
      <c r="Q25" s="1" t="s">
        <v>38</v>
      </c>
      <c r="R25" s="1" t="s">
        <v>159</v>
      </c>
      <c r="S25" s="1" t="s">
        <v>82</v>
      </c>
      <c r="T25" s="1" t="s">
        <v>41</v>
      </c>
      <c r="U25" s="1">
        <v>11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21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7</v>
      </c>
      <c r="B26" s="2">
        <v>0.35416666666666669</v>
      </c>
      <c r="C26" s="1" t="s">
        <v>885</v>
      </c>
      <c r="D26" s="1" t="s">
        <v>68</v>
      </c>
      <c r="E26" s="1" t="s">
        <v>887</v>
      </c>
      <c r="F26" s="1" t="s">
        <v>469</v>
      </c>
      <c r="G26" s="1" t="s">
        <v>424</v>
      </c>
      <c r="H26" s="1" t="s">
        <v>217</v>
      </c>
      <c r="I26" s="1" t="s">
        <v>264</v>
      </c>
      <c r="J26" s="1" t="s">
        <v>630</v>
      </c>
      <c r="K26" s="1" t="s">
        <v>223</v>
      </c>
      <c r="L26" s="1" t="s">
        <v>34</v>
      </c>
      <c r="N26" s="1" t="s">
        <v>35</v>
      </c>
      <c r="O26" s="1" t="s">
        <v>74</v>
      </c>
      <c r="P26" s="1" t="s">
        <v>56</v>
      </c>
      <c r="Q26" s="1" t="s">
        <v>38</v>
      </c>
      <c r="R26" s="1" t="s">
        <v>159</v>
      </c>
      <c r="S26" s="1" t="s">
        <v>196</v>
      </c>
      <c r="T26" s="1" t="s">
        <v>41</v>
      </c>
      <c r="U26" s="1">
        <v>11.7</v>
      </c>
      <c r="V26" s="3">
        <v>790</v>
      </c>
      <c r="W26" s="1"/>
      <c r="X26" s="1">
        <v>2.2999999999999998</v>
      </c>
      <c r="Y26" s="1">
        <v>3.9E-2</v>
      </c>
      <c r="Z26" s="1">
        <v>1.6999999999999999E-3</v>
      </c>
      <c r="AA26" s="1"/>
      <c r="AB26" s="1"/>
      <c r="AC26" s="1"/>
      <c r="AD26" s="1" t="s">
        <v>924</v>
      </c>
      <c r="AE26" s="1" t="s">
        <v>925</v>
      </c>
      <c r="AF26" s="1"/>
      <c r="AG26" s="1" t="s">
        <v>927</v>
      </c>
      <c r="AH26" s="1" t="s">
        <v>925</v>
      </c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925</v>
      </c>
      <c r="AV26" s="1" t="s">
        <v>923</v>
      </c>
      <c r="AW26" s="1" t="s">
        <v>923</v>
      </c>
      <c r="AX26" s="1"/>
      <c r="AY26" s="1"/>
      <c r="AZ26" s="1"/>
      <c r="BA26" s="1"/>
      <c r="BB26" s="1" t="s">
        <v>924</v>
      </c>
      <c r="BC26" s="1">
        <v>2.1</v>
      </c>
      <c r="BD26" s="1">
        <v>2.1</v>
      </c>
      <c r="BE26" s="1"/>
      <c r="BF26" s="1"/>
      <c r="BG26" s="1"/>
      <c r="BH26" s="1"/>
      <c r="BI26" s="1"/>
      <c r="BJ26" s="1"/>
      <c r="BK26" s="1" t="s">
        <v>925</v>
      </c>
      <c r="BL26" s="1" t="s">
        <v>931</v>
      </c>
      <c r="BM26" s="1"/>
      <c r="BN26" s="1"/>
      <c r="BO26" s="1">
        <v>18</v>
      </c>
      <c r="BP26" s="1">
        <v>7.5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4722222222222221</v>
      </c>
      <c r="C27" s="1" t="s">
        <v>885</v>
      </c>
      <c r="D27" s="1" t="s">
        <v>68</v>
      </c>
      <c r="E27" s="1" t="s">
        <v>887</v>
      </c>
      <c r="F27" s="1" t="s">
        <v>472</v>
      </c>
      <c r="G27" s="1" t="s">
        <v>555</v>
      </c>
      <c r="H27" s="1" t="s">
        <v>223</v>
      </c>
      <c r="I27" s="1" t="s">
        <v>478</v>
      </c>
      <c r="J27" s="1" t="s">
        <v>630</v>
      </c>
      <c r="K27" s="1" t="s">
        <v>418</v>
      </c>
      <c r="L27" s="1" t="s">
        <v>34</v>
      </c>
      <c r="N27" s="1" t="s">
        <v>35</v>
      </c>
      <c r="O27" s="1" t="s">
        <v>74</v>
      </c>
      <c r="P27" s="1" t="s">
        <v>56</v>
      </c>
      <c r="Q27" s="1" t="s">
        <v>99</v>
      </c>
      <c r="R27" s="1" t="s">
        <v>58</v>
      </c>
      <c r="S27" s="1" t="s">
        <v>83</v>
      </c>
      <c r="T27" s="1" t="s">
        <v>41</v>
      </c>
      <c r="U27" s="1">
        <v>10.9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9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6</vt:i4>
      </vt:variant>
    </vt:vector>
  </HeadingPairs>
  <TitlesOfParts>
    <vt:vector size="16" baseType="lpstr">
      <vt:lpstr>小倉橋</vt:lpstr>
      <vt:lpstr>昭和橋</vt:lpstr>
      <vt:lpstr>相模大橋</vt:lpstr>
      <vt:lpstr>寒川取水堰（上）</vt:lpstr>
      <vt:lpstr>馬入橋</vt:lpstr>
      <vt:lpstr>道志第１発電所上流</vt:lpstr>
      <vt:lpstr>両国橋</vt:lpstr>
      <vt:lpstr>弁天橋</vt:lpstr>
      <vt:lpstr>河原橋（串川）</vt:lpstr>
      <vt:lpstr>馬船橋</vt:lpstr>
      <vt:lpstr>第一鮎津橋</vt:lpstr>
      <vt:lpstr>第二鮎津橋</vt:lpstr>
      <vt:lpstr>相川水位観測所</vt:lpstr>
      <vt:lpstr>新竹沢橋</vt:lpstr>
      <vt:lpstr>河原橋（目久尻川）</vt:lpstr>
      <vt:lpstr>宮の下橋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7:48Z</dcterms:created>
  <dcterms:modified xsi:type="dcterms:W3CDTF">2020-03-21T08:48:49Z</dcterms:modified>
</cp:coreProperties>
</file>